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i0699\Desktop\202601131647_【県市町村課】「地方行政サービス改革に関する取組状況等の調査」の公表について\"/>
    </mc:Choice>
  </mc:AlternateContent>
  <bookViews>
    <workbookView xWindow="-105" yWindow="-105" windowWidth="19425" windowHeight="10305"/>
  </bookViews>
  <sheets>
    <sheet name="調査票" sheetId="1" r:id="rId1"/>
  </sheets>
  <definedNames>
    <definedName name="_xlnm._FilterDatabase" localSheetId="0" hidden="1">調査票!$A$8:$FX$9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2" uniqueCount="91">
  <si>
    <t>○</t>
  </si>
  <si>
    <t>1.R7.4.1までに対応済み</t>
  </si>
  <si>
    <t/>
  </si>
  <si>
    <t>4.未定又は対応予定なし</t>
  </si>
  <si>
    <t>3.対応する方向で検討中</t>
  </si>
  <si>
    <t>町村　Ⅴ－２</t>
  </si>
  <si>
    <t>埼玉県</t>
  </si>
  <si>
    <t>113018</t>
  </si>
  <si>
    <t>伊奈町</t>
  </si>
  <si>
    <t>自治体コード</t>
    <rPh sb="0" eb="3">
      <t>ジチタイ</t>
    </rPh>
    <phoneticPr fontId="2"/>
  </si>
  <si>
    <t>都道府県名</t>
    <rPh sb="0" eb="4">
      <t>トドウフケン</t>
    </rPh>
    <rPh sb="4" eb="5">
      <t>メイ</t>
    </rPh>
    <phoneticPr fontId="2"/>
  </si>
  <si>
    <t>市区町村名</t>
    <rPh sb="0" eb="4">
      <t>シクチョウソン</t>
    </rPh>
    <rPh sb="4" eb="5">
      <t>メイ</t>
    </rPh>
    <phoneticPr fontId="2"/>
  </si>
  <si>
    <t>類似団体区分</t>
    <rPh sb="0" eb="2">
      <t>ルイジ</t>
    </rPh>
    <rPh sb="2" eb="4">
      <t>ダンタイ</t>
    </rPh>
    <rPh sb="4" eb="6">
      <t>クブン</t>
    </rPh>
    <phoneticPr fontId="2"/>
  </si>
  <si>
    <t>（１）民間委託の実施状況</t>
    <rPh sb="3" eb="5">
      <t>ミンカン</t>
    </rPh>
    <rPh sb="5" eb="7">
      <t>イタク</t>
    </rPh>
    <rPh sb="8" eb="10">
      <t>ジッシ</t>
    </rPh>
    <rPh sb="10" eb="12">
      <t>ジョウキョウ</t>
    </rPh>
    <phoneticPr fontId="2"/>
  </si>
  <si>
    <t>①本庁舎の清掃</t>
    <rPh sb="5" eb="7">
      <t>セイソウ</t>
    </rPh>
    <phoneticPr fontId="2"/>
  </si>
  <si>
    <t>②本庁舎の夜間警備</t>
    <phoneticPr fontId="2"/>
  </si>
  <si>
    <t>③案内・受付</t>
    <phoneticPr fontId="2"/>
  </si>
  <si>
    <t>④電話交換</t>
    <rPh sb="1" eb="3">
      <t>デンワ</t>
    </rPh>
    <rPh sb="3" eb="5">
      <t>コウカン</t>
    </rPh>
    <phoneticPr fontId="4"/>
  </si>
  <si>
    <t>⑤公用車運転</t>
    <rPh sb="1" eb="4">
      <t>コウヨウシャ</t>
    </rPh>
    <rPh sb="4" eb="6">
      <t>ウンテン</t>
    </rPh>
    <phoneticPr fontId="4"/>
  </si>
  <si>
    <t>⑧学校給食（調理）</t>
    <rPh sb="1" eb="3">
      <t>ガッコウ</t>
    </rPh>
    <rPh sb="3" eb="5">
      <t>キュウショク</t>
    </rPh>
    <rPh sb="6" eb="8">
      <t>チョウリ</t>
    </rPh>
    <phoneticPr fontId="4"/>
  </si>
  <si>
    <t>⑨学校給食(運搬)</t>
    <phoneticPr fontId="2"/>
  </si>
  <si>
    <t>⑪水道メーター検針</t>
    <rPh sb="1" eb="3">
      <t>スイドウ</t>
    </rPh>
    <rPh sb="7" eb="9">
      <t>ケンシン</t>
    </rPh>
    <phoneticPr fontId="2"/>
  </si>
  <si>
    <t>⑫道路維持補修・清掃等</t>
    <rPh sb="1" eb="3">
      <t>ドウロ</t>
    </rPh>
    <rPh sb="3" eb="5">
      <t>イジ</t>
    </rPh>
    <rPh sb="5" eb="7">
      <t>ホシュウ</t>
    </rPh>
    <rPh sb="8" eb="10">
      <t>セイソウ</t>
    </rPh>
    <rPh sb="10" eb="11">
      <t>トウ</t>
    </rPh>
    <phoneticPr fontId="2"/>
  </si>
  <si>
    <t>⑮情報処理・庁内情報システム維持</t>
    <rPh sb="1" eb="3">
      <t>ジョウホウ</t>
    </rPh>
    <rPh sb="3" eb="5">
      <t>ショリ</t>
    </rPh>
    <rPh sb="6" eb="8">
      <t>チョウナイ</t>
    </rPh>
    <rPh sb="8" eb="10">
      <t>ジョウホウ</t>
    </rPh>
    <rPh sb="14" eb="16">
      <t>イジ</t>
    </rPh>
    <phoneticPr fontId="2"/>
  </si>
  <si>
    <t>⑯ホームページ作成・運営</t>
    <rPh sb="7" eb="9">
      <t>サクセイ</t>
    </rPh>
    <rPh sb="10" eb="12">
      <t>ウンエイ</t>
    </rPh>
    <phoneticPr fontId="4"/>
  </si>
  <si>
    <t>⑰調査・集計</t>
    <rPh sb="1" eb="3">
      <t>チョウサ</t>
    </rPh>
    <rPh sb="4" eb="6">
      <t>シュウケイ</t>
    </rPh>
    <phoneticPr fontId="4"/>
  </si>
  <si>
    <t>①体育館</t>
    <rPh sb="1" eb="4">
      <t>タイイクカン</t>
    </rPh>
    <phoneticPr fontId="2"/>
  </si>
  <si>
    <t>②競技場（野球場、テニスコート等）</t>
    <rPh sb="5" eb="8">
      <t>ヤキュウジョウ</t>
    </rPh>
    <rPh sb="15" eb="16">
      <t>トウ</t>
    </rPh>
    <phoneticPr fontId="2"/>
  </si>
  <si>
    <t>③プール</t>
    <phoneticPr fontId="2"/>
  </si>
  <si>
    <t>④海水浴場</t>
    <phoneticPr fontId="2"/>
  </si>
  <si>
    <t>⑤宿泊休養施設（ホテル、国民宿舎等）</t>
    <rPh sb="12" eb="14">
      <t>コクミン</t>
    </rPh>
    <rPh sb="14" eb="16">
      <t>シュクシャ</t>
    </rPh>
    <rPh sb="16" eb="17">
      <t>トウ</t>
    </rPh>
    <phoneticPr fontId="2"/>
  </si>
  <si>
    <t>⑥休養施設（公衆浴場、海・山の家等）</t>
    <rPh sb="16" eb="17">
      <t>トウ</t>
    </rPh>
    <phoneticPr fontId="2"/>
  </si>
  <si>
    <t>⑦キャンプ場等</t>
    <rPh sb="5" eb="6">
      <t>ジョウ</t>
    </rPh>
    <rPh sb="6" eb="7">
      <t>トウ</t>
    </rPh>
    <phoneticPr fontId="2"/>
  </si>
  <si>
    <t>⑧産業情報提供施設</t>
    <phoneticPr fontId="2"/>
  </si>
  <si>
    <t>⑨展示場施設、見本市施設</t>
    <phoneticPr fontId="2"/>
  </si>
  <si>
    <t>⑩開放型研究施設等</t>
    <phoneticPr fontId="2"/>
  </si>
  <si>
    <t>⑪大規模公園</t>
    <rPh sb="1" eb="4">
      <t>ダイキボ</t>
    </rPh>
    <rPh sb="4" eb="6">
      <t>コウエン</t>
    </rPh>
    <phoneticPr fontId="2"/>
  </si>
  <si>
    <t>⑫公営住宅</t>
    <rPh sb="1" eb="3">
      <t>コウエイ</t>
    </rPh>
    <rPh sb="3" eb="5">
      <t>ジュウタク</t>
    </rPh>
    <phoneticPr fontId="2"/>
  </si>
  <si>
    <t>⑬駐車場</t>
    <phoneticPr fontId="2"/>
  </si>
  <si>
    <t>⑭大規模霊園、斎場等</t>
    <rPh sb="1" eb="4">
      <t>ダイキボ</t>
    </rPh>
    <rPh sb="4" eb="6">
      <t>レイエン</t>
    </rPh>
    <rPh sb="7" eb="9">
      <t>サイジョウ</t>
    </rPh>
    <rPh sb="9" eb="10">
      <t>トウ</t>
    </rPh>
    <phoneticPr fontId="2"/>
  </si>
  <si>
    <t>⑮図書館</t>
    <rPh sb="1" eb="4">
      <t>トショカン</t>
    </rPh>
    <phoneticPr fontId="2"/>
  </si>
  <si>
    <t>⑯博物館（美術館、科学館、歴史館、動物園等）</t>
    <rPh sb="1" eb="4">
      <t>ハクブツカン</t>
    </rPh>
    <rPh sb="5" eb="8">
      <t>ビジュツカン</t>
    </rPh>
    <rPh sb="9" eb="12">
      <t>カガクカン</t>
    </rPh>
    <rPh sb="13" eb="16">
      <t>レキシカン</t>
    </rPh>
    <rPh sb="17" eb="20">
      <t>ドウブツエン</t>
    </rPh>
    <rPh sb="20" eb="21">
      <t>ナド</t>
    </rPh>
    <phoneticPr fontId="2"/>
  </si>
  <si>
    <t>⑱文化会館</t>
    <phoneticPr fontId="2"/>
  </si>
  <si>
    <t>⑲合宿所、研修所等（青少年の家を含む）</t>
    <rPh sb="1" eb="4">
      <t>ガッシュクジョ</t>
    </rPh>
    <rPh sb="5" eb="8">
      <t>ケンシュウジョ</t>
    </rPh>
    <rPh sb="8" eb="9">
      <t>トウ</t>
    </rPh>
    <rPh sb="10" eb="13">
      <t>セイショウネン</t>
    </rPh>
    <rPh sb="14" eb="15">
      <t>イエ</t>
    </rPh>
    <rPh sb="16" eb="17">
      <t>フク</t>
    </rPh>
    <phoneticPr fontId="2"/>
  </si>
  <si>
    <t>⑳特別養護老人ホーム</t>
    <phoneticPr fontId="2"/>
  </si>
  <si>
    <t>㉑介護支援センター</t>
    <phoneticPr fontId="2"/>
  </si>
  <si>
    <t>㉒福祉・保健センター</t>
    <phoneticPr fontId="2"/>
  </si>
  <si>
    <t>㉓児童クラブ、学童館等</t>
    <rPh sb="1" eb="3">
      <t>ジドウ</t>
    </rPh>
    <rPh sb="7" eb="9">
      <t>ガクドウ</t>
    </rPh>
    <rPh sb="9" eb="10">
      <t>カン</t>
    </rPh>
    <rPh sb="10" eb="11">
      <t>トウ</t>
    </rPh>
    <phoneticPr fontId="2"/>
  </si>
  <si>
    <t>委託状況</t>
    <rPh sb="0" eb="2">
      <t>イタク</t>
    </rPh>
    <rPh sb="2" eb="4">
      <t>ジョウキョウ</t>
    </rPh>
    <phoneticPr fontId="2"/>
  </si>
  <si>
    <t>｢直営｣かつ｢専任有｣団体</t>
    <rPh sb="9" eb="10">
      <t>ア</t>
    </rPh>
    <rPh sb="11" eb="13">
      <t>ダンタイ</t>
    </rPh>
    <phoneticPr fontId="2"/>
  </si>
  <si>
    <t>昨今の資材価格の高騰、賃金上昇を踏まえ、契約変更等の対応をしているか。</t>
    <phoneticPr fontId="2"/>
  </si>
  <si>
    <t>｢直営｣かつ｢専任有｣団体</t>
    <phoneticPr fontId="2"/>
  </si>
  <si>
    <t>公の
施設数</t>
    <rPh sb="0" eb="1">
      <t>オオヤケ</t>
    </rPh>
    <rPh sb="3" eb="6">
      <t>シセツスウ</t>
    </rPh>
    <phoneticPr fontId="2"/>
  </si>
  <si>
    <t>指定管理者制度導入済み件数</t>
    <rPh sb="0" eb="2">
      <t>シテイ</t>
    </rPh>
    <rPh sb="2" eb="5">
      <t>カンリシャ</t>
    </rPh>
    <rPh sb="5" eb="7">
      <t>セイド</t>
    </rPh>
    <rPh sb="7" eb="9">
      <t>ドウニュウ</t>
    </rPh>
    <rPh sb="9" eb="10">
      <t>ズ</t>
    </rPh>
    <rPh sb="11" eb="13">
      <t>ケンスウ</t>
    </rPh>
    <phoneticPr fontId="2"/>
  </si>
  <si>
    <t>導入率</t>
    <rPh sb="0" eb="3">
      <t>ドウニュウリツ</t>
    </rPh>
    <phoneticPr fontId="2"/>
  </si>
  <si>
    <t>指定管理者制度導入済み施設件数</t>
    <rPh sb="0" eb="2">
      <t>シテイ</t>
    </rPh>
    <rPh sb="2" eb="5">
      <t>カンリシャ</t>
    </rPh>
    <rPh sb="5" eb="7">
      <t>セイド</t>
    </rPh>
    <rPh sb="7" eb="9">
      <t>ドウニュウ</t>
    </rPh>
    <rPh sb="9" eb="10">
      <t>ズ</t>
    </rPh>
    <rPh sb="11" eb="13">
      <t>シセツ</t>
    </rPh>
    <rPh sb="13" eb="15">
      <t>ケンスウ</t>
    </rPh>
    <phoneticPr fontId="2"/>
  </si>
  <si>
    <t>委託あり</t>
    <rPh sb="0" eb="2">
      <t>イタク</t>
    </rPh>
    <phoneticPr fontId="2"/>
  </si>
  <si>
    <t>調査票</t>
    <rPh sb="0" eb="3">
      <t>チョウサヒョウ</t>
    </rPh>
    <phoneticPr fontId="2"/>
  </si>
  <si>
    <t>⑥し尿収集</t>
    <rPh sb="2" eb="3">
      <t>ニョウ</t>
    </rPh>
    <rPh sb="3" eb="4">
      <t>オサム</t>
    </rPh>
    <phoneticPr fontId="4"/>
  </si>
  <si>
    <t>⑦一般ごみ収集</t>
    <rPh sb="1" eb="3">
      <t>イッパン</t>
    </rPh>
    <rPh sb="5" eb="7">
      <t>シュウシュウ</t>
    </rPh>
    <phoneticPr fontId="4"/>
  </si>
  <si>
    <t>⑬ホームヘルパー派遣</t>
    <rPh sb="8" eb="10">
      <t>ハケン</t>
    </rPh>
    <phoneticPr fontId="2"/>
  </si>
  <si>
    <t>⑭在宅配食サービス</t>
    <rPh sb="1" eb="3">
      <t>ザイタク</t>
    </rPh>
    <rPh sb="3" eb="5">
      <t>ハイショク</t>
    </rPh>
    <phoneticPr fontId="2"/>
  </si>
  <si>
    <t>⑰公民館、市民会館</t>
    <rPh sb="1" eb="4">
      <t>コウミンカン</t>
    </rPh>
    <phoneticPr fontId="2"/>
  </si>
  <si>
    <t>⑩学校用務員事務</t>
    <phoneticPr fontId="1"/>
  </si>
  <si>
    <t>A 導入状況</t>
    <rPh sb="2" eb="4">
      <t>ドウニュウ</t>
    </rPh>
    <rPh sb="4" eb="6">
      <t>ジョウキョウ</t>
    </rPh>
    <phoneticPr fontId="2"/>
  </si>
  <si>
    <t>B 公表状況</t>
    <rPh sb="2" eb="4">
      <t>コウヒョウ</t>
    </rPh>
    <rPh sb="4" eb="6">
      <t>ジョウキョウ</t>
    </rPh>
    <phoneticPr fontId="2"/>
  </si>
  <si>
    <t>⑴政策</t>
    <rPh sb="1" eb="3">
      <t>セイサク</t>
    </rPh>
    <phoneticPr fontId="2"/>
  </si>
  <si>
    <t>⑵施策</t>
    <rPh sb="1" eb="3">
      <t>セサク</t>
    </rPh>
    <phoneticPr fontId="2"/>
  </si>
  <si>
    <t>⑶事務事業</t>
    <rPh sb="1" eb="3">
      <t>ジム</t>
    </rPh>
    <rPh sb="3" eb="5">
      <t>ジギョウ</t>
    </rPh>
    <phoneticPr fontId="2"/>
  </si>
  <si>
    <t>①</t>
    <phoneticPr fontId="2"/>
  </si>
  <si>
    <t>②</t>
    <phoneticPr fontId="2"/>
  </si>
  <si>
    <t>③</t>
    <phoneticPr fontId="2"/>
  </si>
  <si>
    <t>④</t>
    <phoneticPr fontId="2"/>
  </si>
  <si>
    <t>⑤</t>
    <phoneticPr fontId="2"/>
  </si>
  <si>
    <t>⑥</t>
    <phoneticPr fontId="2"/>
  </si>
  <si>
    <t>⑦</t>
    <phoneticPr fontId="2"/>
  </si>
  <si>
    <t>既に導入済み</t>
    <rPh sb="0" eb="1">
      <t>スデ</t>
    </rPh>
    <rPh sb="2" eb="4">
      <t>ドウニュウ</t>
    </rPh>
    <rPh sb="4" eb="5">
      <t>ズ</t>
    </rPh>
    <phoneticPr fontId="2"/>
  </si>
  <si>
    <t>試行中</t>
    <rPh sb="0" eb="3">
      <t>シコウチュウ</t>
    </rPh>
    <phoneticPr fontId="2"/>
  </si>
  <si>
    <t>検討中（導入予定時期決定）</t>
    <rPh sb="0" eb="3">
      <t>ケントウチュウ</t>
    </rPh>
    <rPh sb="4" eb="6">
      <t>ドウニュウ</t>
    </rPh>
    <rPh sb="6" eb="8">
      <t>ヨテイ</t>
    </rPh>
    <rPh sb="8" eb="10">
      <t>ジキ</t>
    </rPh>
    <rPh sb="10" eb="12">
      <t>ケッテイ</t>
    </rPh>
    <phoneticPr fontId="2"/>
  </si>
  <si>
    <t>検討中（導入予定時期未定）</t>
    <rPh sb="0" eb="3">
      <t>ケントウチュウ</t>
    </rPh>
    <rPh sb="4" eb="6">
      <t>ドウニュウ</t>
    </rPh>
    <rPh sb="6" eb="8">
      <t>ヨテイ</t>
    </rPh>
    <rPh sb="8" eb="10">
      <t>ジキ</t>
    </rPh>
    <rPh sb="10" eb="12">
      <t>ミテイ</t>
    </rPh>
    <phoneticPr fontId="2"/>
  </si>
  <si>
    <t>導入予定なし</t>
    <rPh sb="0" eb="2">
      <t>ドウニュウ</t>
    </rPh>
    <rPh sb="2" eb="4">
      <t>ヨテイ</t>
    </rPh>
    <phoneticPr fontId="2"/>
  </si>
  <si>
    <t>過去に実施していたが廃止した</t>
    <rPh sb="0" eb="2">
      <t>カコ</t>
    </rPh>
    <rPh sb="3" eb="5">
      <t>ジッシシ</t>
    </rPh>
    <phoneticPr fontId="2"/>
  </si>
  <si>
    <t>導入していない理由
（※⑤⑥を選択した場合のみ記入）</t>
    <rPh sb="15" eb="17">
      <t>センタク</t>
    </rPh>
    <rPh sb="19" eb="21">
      <t>バアイ</t>
    </rPh>
    <phoneticPr fontId="2"/>
  </si>
  <si>
    <t>全て公表している</t>
    <rPh sb="0" eb="1">
      <t>スベ</t>
    </rPh>
    <rPh sb="2" eb="4">
      <t>コウヒョウ</t>
    </rPh>
    <phoneticPr fontId="2"/>
  </si>
  <si>
    <t>一部公表している</t>
    <rPh sb="0" eb="2">
      <t>イチブ</t>
    </rPh>
    <rPh sb="2" eb="4">
      <t>コウヒョウ</t>
    </rPh>
    <phoneticPr fontId="2"/>
  </si>
  <si>
    <t>公表していない</t>
    <rPh sb="0" eb="2">
      <t>コウヒョウ</t>
    </rPh>
    <phoneticPr fontId="2"/>
  </si>
  <si>
    <t>公表していない理由
（※③を選択した場合のみ記入）</t>
  </si>
  <si>
    <t>内部的な評価であるため公表の必要はないと考えている</t>
  </si>
  <si>
    <t>評価手法、基準のノウハウがない</t>
  </si>
  <si>
    <t>（２）指定管理者制度等の導入状況</t>
    <rPh sb="3" eb="5">
      <t>シテイ</t>
    </rPh>
    <rPh sb="5" eb="8">
      <t>カンリシャ</t>
    </rPh>
    <rPh sb="8" eb="10">
      <t>セイド</t>
    </rPh>
    <rPh sb="10" eb="11">
      <t>トウ</t>
    </rPh>
    <rPh sb="12" eb="14">
      <t>ドウニュウ</t>
    </rPh>
    <rPh sb="14" eb="16">
      <t>ジョウキョウ</t>
    </rPh>
    <phoneticPr fontId="2"/>
  </si>
  <si>
    <t>（３）行政評価の実施状況</t>
    <rPh sb="3" eb="5">
      <t>ギョウセイ</t>
    </rPh>
    <rPh sb="5" eb="7">
      <t>ヒョウカ</t>
    </rPh>
    <rPh sb="8" eb="10">
      <t>ジッシ</t>
    </rPh>
    <rPh sb="10" eb="12">
      <t>ジョウキ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%"/>
  </numFmts>
  <fonts count="10" x14ac:knownFonts="1">
    <font>
      <sz val="11"/>
      <color theme="1"/>
      <name val="Meiryo UI"/>
      <family val="2"/>
      <charset val="128"/>
    </font>
    <font>
      <sz val="6"/>
      <name val="Meiryo UI"/>
      <family val="2"/>
      <charset val="128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b/>
      <sz val="20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1"/>
      <color theme="1"/>
      <name val="Meiryo UI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>
      <alignment vertical="center"/>
    </xf>
    <xf numFmtId="0" fontId="3" fillId="0" borderId="0"/>
    <xf numFmtId="38" fontId="9" fillId="0" borderId="0" applyFont="0" applyFill="0" applyBorder="0" applyAlignment="0" applyProtection="0">
      <alignment vertical="center"/>
    </xf>
    <xf numFmtId="9" fontId="9" fillId="0" borderId="0" applyFont="0" applyFill="0" applyBorder="0" applyAlignment="0" applyProtection="0">
      <alignment vertical="center"/>
    </xf>
    <xf numFmtId="0" fontId="9" fillId="0" borderId="0">
      <alignment vertical="center"/>
    </xf>
  </cellStyleXfs>
  <cellXfs count="75">
    <xf numFmtId="0" fontId="0" fillId="0" borderId="0" xfId="0">
      <alignment vertical="center"/>
    </xf>
    <xf numFmtId="176" fontId="7" fillId="0" borderId="0" xfId="3" applyNumberFormat="1" applyFont="1" applyAlignment="1" applyProtection="1">
      <alignment horizontal="center" vertical="center" wrapText="1"/>
      <protection locked="0"/>
    </xf>
    <xf numFmtId="176" fontId="7" fillId="0" borderId="1" xfId="3" applyNumberFormat="1" applyFont="1" applyBorder="1" applyAlignment="1">
      <alignment horizontal="center" vertical="center" wrapText="1"/>
    </xf>
    <xf numFmtId="176" fontId="7" fillId="0" borderId="0" xfId="3" applyNumberFormat="1" applyFont="1" applyAlignment="1">
      <alignment horizontal="center" vertical="center" wrapText="1"/>
    </xf>
    <xf numFmtId="176" fontId="6" fillId="0" borderId="0" xfId="3" applyNumberFormat="1" applyFont="1" applyAlignment="1" applyProtection="1">
      <alignment horizontal="center" vertical="center" wrapText="1"/>
      <protection locked="0"/>
    </xf>
    <xf numFmtId="38" fontId="5" fillId="0" borderId="0" xfId="2" applyFont="1" applyAlignment="1" applyProtection="1">
      <alignment horizontal="left" vertical="center"/>
      <protection locked="0"/>
    </xf>
    <xf numFmtId="38" fontId="6" fillId="0" borderId="0" xfId="2" applyFont="1" applyAlignment="1" applyProtection="1">
      <alignment horizontal="center" vertical="center" wrapText="1"/>
      <protection locked="0"/>
    </xf>
    <xf numFmtId="38" fontId="7" fillId="0" borderId="0" xfId="2" applyFont="1" applyAlignment="1" applyProtection="1">
      <alignment horizontal="center" vertical="center" wrapText="1"/>
      <protection locked="0"/>
    </xf>
    <xf numFmtId="38" fontId="8" fillId="0" borderId="0" xfId="2" applyFont="1" applyAlignment="1" applyProtection="1">
      <alignment horizontal="center" vertical="center" wrapText="1"/>
      <protection locked="0"/>
    </xf>
    <xf numFmtId="38" fontId="7" fillId="0" borderId="0" xfId="2" applyFont="1" applyAlignment="1">
      <alignment horizontal="center" vertical="center" wrapText="1"/>
    </xf>
    <xf numFmtId="38" fontId="7" fillId="0" borderId="2" xfId="2" applyFont="1" applyBorder="1" applyAlignment="1" applyProtection="1">
      <alignment horizontal="center" vertical="center" textRotation="255" wrapText="1"/>
      <protection locked="0"/>
    </xf>
    <xf numFmtId="38" fontId="7" fillId="0" borderId="1" xfId="2" applyFont="1" applyBorder="1" applyAlignment="1">
      <alignment horizontal="center" vertical="center" wrapText="1"/>
    </xf>
    <xf numFmtId="176" fontId="7" fillId="0" borderId="0" xfId="2" applyNumberFormat="1" applyFont="1" applyAlignment="1" applyProtection="1">
      <alignment horizontal="center" vertical="center" wrapText="1"/>
      <protection locked="0"/>
    </xf>
    <xf numFmtId="176" fontId="7" fillId="0" borderId="1" xfId="2" applyNumberFormat="1" applyFont="1" applyBorder="1" applyAlignment="1">
      <alignment horizontal="center" vertical="center" wrapText="1"/>
    </xf>
    <xf numFmtId="176" fontId="7" fillId="0" borderId="0" xfId="2" applyNumberFormat="1" applyFont="1" applyAlignment="1">
      <alignment horizontal="center" vertical="center" wrapText="1"/>
    </xf>
    <xf numFmtId="0" fontId="6" fillId="0" borderId="0" xfId="4" applyFont="1" applyAlignment="1" applyProtection="1">
      <alignment horizontal="center" vertical="center" wrapText="1"/>
      <protection locked="0"/>
    </xf>
    <xf numFmtId="0" fontId="7" fillId="0" borderId="0" xfId="4" applyFont="1" applyAlignment="1" applyProtection="1">
      <alignment horizontal="center" vertical="center" wrapText="1"/>
      <protection locked="0"/>
    </xf>
    <xf numFmtId="0" fontId="7" fillId="0" borderId="1" xfId="4" applyFont="1" applyBorder="1" applyAlignment="1">
      <alignment horizontal="center" vertical="center" wrapText="1"/>
    </xf>
    <xf numFmtId="0" fontId="7" fillId="0" borderId="0" xfId="4" applyFont="1" applyAlignment="1">
      <alignment horizontal="center" vertical="center" wrapText="1"/>
    </xf>
    <xf numFmtId="38" fontId="7" fillId="0" borderId="15" xfId="2" applyFont="1" applyBorder="1" applyAlignment="1" applyProtection="1">
      <alignment horizontal="center" vertical="center" textRotation="255" wrapText="1"/>
      <protection locked="0"/>
    </xf>
    <xf numFmtId="38" fontId="7" fillId="2" borderId="15" xfId="2" applyFont="1" applyFill="1" applyBorder="1" applyAlignment="1" applyProtection="1">
      <alignment vertical="center" textRotation="255" wrapText="1"/>
      <protection locked="0"/>
    </xf>
    <xf numFmtId="38" fontId="6" fillId="0" borderId="15" xfId="2" applyFont="1" applyFill="1" applyBorder="1" applyAlignment="1" applyProtection="1">
      <alignment horizontal="center" vertical="center" textRotation="255" wrapText="1"/>
      <protection locked="0"/>
    </xf>
    <xf numFmtId="38" fontId="6" fillId="2" borderId="15" xfId="2" applyFont="1" applyFill="1" applyBorder="1" applyAlignment="1" applyProtection="1">
      <alignment vertical="center" textRotation="255" wrapText="1"/>
      <protection locked="0"/>
    </xf>
    <xf numFmtId="38" fontId="7" fillId="2" borderId="15" xfId="2" applyFont="1" applyFill="1" applyBorder="1" applyAlignment="1" applyProtection="1">
      <alignment vertical="center" wrapText="1"/>
      <protection locked="0"/>
    </xf>
    <xf numFmtId="176" fontId="7" fillId="2" borderId="15" xfId="2" applyNumberFormat="1" applyFont="1" applyFill="1" applyBorder="1" applyAlignment="1" applyProtection="1">
      <alignment vertical="center" wrapText="1"/>
      <protection locked="0"/>
    </xf>
    <xf numFmtId="176" fontId="7" fillId="2" borderId="15" xfId="3" applyNumberFormat="1" applyFont="1" applyFill="1" applyBorder="1" applyAlignment="1" applyProtection="1">
      <alignment vertical="center" wrapText="1"/>
      <protection locked="0"/>
    </xf>
    <xf numFmtId="0" fontId="6" fillId="2" borderId="2" xfId="0" applyFont="1" applyFill="1" applyBorder="1" applyAlignment="1" applyProtection="1">
      <alignment horizontal="center" vertical="center" wrapText="1"/>
      <protection locked="0"/>
    </xf>
    <xf numFmtId="0" fontId="6" fillId="2" borderId="2" xfId="0" applyFont="1" applyFill="1" applyBorder="1" applyAlignment="1" applyProtection="1">
      <alignment horizontal="center" vertical="center"/>
      <protection locked="0"/>
    </xf>
    <xf numFmtId="0" fontId="6" fillId="2" borderId="6" xfId="0" applyFont="1" applyFill="1" applyBorder="1" applyAlignment="1" applyProtection="1">
      <alignment horizontal="center" vertical="top" textRotation="255" wrapText="1"/>
      <protection locked="0"/>
    </xf>
    <xf numFmtId="38" fontId="7" fillId="2" borderId="1" xfId="2" applyFont="1" applyFill="1" applyBorder="1" applyAlignment="1" applyProtection="1">
      <alignment horizontal="center" vertical="center" wrapText="1"/>
      <protection locked="0"/>
    </xf>
    <xf numFmtId="38" fontId="7" fillId="2" borderId="2" xfId="2" applyFont="1" applyFill="1" applyBorder="1" applyAlignment="1" applyProtection="1">
      <alignment horizontal="center" vertical="center" wrapText="1"/>
      <protection locked="0"/>
    </xf>
    <xf numFmtId="176" fontId="7" fillId="2" borderId="1" xfId="3" applyNumberFormat="1" applyFont="1" applyFill="1" applyBorder="1" applyAlignment="1" applyProtection="1">
      <alignment horizontal="center" vertical="center" wrapText="1"/>
      <protection locked="0"/>
    </xf>
    <xf numFmtId="176" fontId="7" fillId="2" borderId="2" xfId="3" applyNumberFormat="1" applyFont="1" applyFill="1" applyBorder="1" applyAlignment="1" applyProtection="1">
      <alignment horizontal="center" vertical="center" wrapText="1"/>
      <protection locked="0"/>
    </xf>
    <xf numFmtId="38" fontId="7" fillId="2" borderId="1" xfId="2" applyFont="1" applyFill="1" applyBorder="1" applyAlignment="1" applyProtection="1">
      <alignment horizontal="center" vertical="center" textRotation="255" wrapText="1"/>
      <protection locked="0"/>
    </xf>
    <xf numFmtId="176" fontId="7" fillId="2" borderId="1" xfId="2" applyNumberFormat="1" applyFont="1" applyFill="1" applyBorder="1" applyAlignment="1" applyProtection="1">
      <alignment horizontal="center" vertical="center" wrapText="1"/>
      <protection locked="0"/>
    </xf>
    <xf numFmtId="176" fontId="7" fillId="2" borderId="2" xfId="2" applyNumberFormat="1" applyFont="1" applyFill="1" applyBorder="1" applyAlignment="1" applyProtection="1">
      <alignment horizontal="center" vertical="center" wrapText="1"/>
      <protection locked="0"/>
    </xf>
    <xf numFmtId="38" fontId="7" fillId="0" borderId="3" xfId="2" applyFont="1" applyBorder="1" applyAlignment="1" applyProtection="1">
      <alignment horizontal="center" vertical="center" wrapText="1"/>
      <protection locked="0"/>
    </xf>
    <xf numFmtId="38" fontId="7" fillId="0" borderId="4" xfId="2" applyFont="1" applyBorder="1" applyAlignment="1" applyProtection="1">
      <alignment horizontal="center" vertical="center" wrapText="1"/>
      <protection locked="0"/>
    </xf>
    <xf numFmtId="176" fontId="7" fillId="0" borderId="4" xfId="3" applyNumberFormat="1" applyFont="1" applyBorder="1" applyAlignment="1" applyProtection="1">
      <alignment horizontal="center" vertical="center" wrapText="1"/>
      <protection locked="0"/>
    </xf>
    <xf numFmtId="38" fontId="7" fillId="0" borderId="14" xfId="2" applyFont="1" applyBorder="1" applyAlignment="1" applyProtection="1">
      <alignment horizontal="center" vertical="center" wrapText="1"/>
      <protection locked="0"/>
    </xf>
    <xf numFmtId="38" fontId="7" fillId="0" borderId="1" xfId="2" applyFont="1" applyBorder="1" applyAlignment="1" applyProtection="1">
      <alignment horizontal="center" vertical="center" wrapText="1"/>
      <protection locked="0"/>
    </xf>
    <xf numFmtId="38" fontId="7" fillId="2" borderId="2" xfId="2" applyFont="1" applyFill="1" applyBorder="1" applyAlignment="1" applyProtection="1">
      <alignment horizontal="center" vertical="center" textRotation="255" wrapText="1"/>
      <protection locked="0"/>
    </xf>
    <xf numFmtId="38" fontId="6" fillId="0" borderId="1" xfId="2" applyFont="1" applyBorder="1" applyAlignment="1" applyProtection="1">
      <alignment horizontal="center" vertical="center" wrapText="1"/>
      <protection locked="0"/>
    </xf>
    <xf numFmtId="38" fontId="6" fillId="2" borderId="1" xfId="2" applyFont="1" applyFill="1" applyBorder="1" applyAlignment="1" applyProtection="1">
      <alignment horizontal="center" vertical="center" textRotation="255" wrapText="1"/>
      <protection locked="0"/>
    </xf>
    <xf numFmtId="38" fontId="6" fillId="2" borderId="2" xfId="2" applyFont="1" applyFill="1" applyBorder="1" applyAlignment="1" applyProtection="1">
      <alignment horizontal="center" vertical="center" textRotation="255" wrapText="1"/>
      <protection locked="0"/>
    </xf>
    <xf numFmtId="38" fontId="7" fillId="2" borderId="6" xfId="2" applyFont="1" applyFill="1" applyBorder="1" applyAlignment="1" applyProtection="1">
      <alignment horizontal="center" vertical="center" wrapText="1"/>
      <protection locked="0"/>
    </xf>
    <xf numFmtId="38" fontId="6" fillId="2" borderId="2" xfId="2" applyFont="1" applyFill="1" applyBorder="1" applyAlignment="1" applyProtection="1">
      <alignment horizontal="center" vertical="center" wrapText="1"/>
      <protection locked="0"/>
    </xf>
    <xf numFmtId="38" fontId="6" fillId="2" borderId="6" xfId="2" applyFont="1" applyFill="1" applyBorder="1" applyAlignment="1" applyProtection="1">
      <alignment horizontal="center" vertical="center" wrapText="1"/>
      <protection locked="0"/>
    </xf>
    <xf numFmtId="0" fontId="6" fillId="0" borderId="1" xfId="0" applyFont="1" applyBorder="1" applyAlignment="1" applyProtection="1">
      <alignment horizontal="center" vertical="center"/>
      <protection locked="0"/>
    </xf>
    <xf numFmtId="0" fontId="6" fillId="0" borderId="3" xfId="0" applyFont="1" applyBorder="1" applyAlignment="1" applyProtection="1">
      <alignment horizontal="center" vertical="center"/>
      <protection locked="0"/>
    </xf>
    <xf numFmtId="0" fontId="6" fillId="0" borderId="4" xfId="0" applyFont="1" applyBorder="1" applyAlignment="1" applyProtection="1">
      <alignment horizontal="center" vertical="center"/>
      <protection locked="0"/>
    </xf>
    <xf numFmtId="0" fontId="6" fillId="0" borderId="14" xfId="0" applyFont="1" applyBorder="1" applyAlignment="1" applyProtection="1">
      <alignment horizontal="center" vertical="center"/>
      <protection locked="0"/>
    </xf>
    <xf numFmtId="38" fontId="7" fillId="3" borderId="1" xfId="2" applyFont="1" applyFill="1" applyBorder="1" applyAlignment="1" applyProtection="1">
      <alignment horizontal="center" vertical="center" wrapText="1"/>
      <protection locked="0"/>
    </xf>
    <xf numFmtId="38" fontId="7" fillId="3" borderId="1" xfId="2" applyFont="1" applyFill="1" applyBorder="1" applyAlignment="1" applyProtection="1">
      <alignment horizontal="center" vertical="center" wrapText="1" shrinkToFit="1"/>
      <protection locked="0"/>
    </xf>
    <xf numFmtId="38" fontId="7" fillId="0" borderId="1" xfId="2" applyFont="1" applyBorder="1" applyAlignment="1" applyProtection="1">
      <alignment horizontal="center" vertical="center" wrapText="1" shrinkToFit="1"/>
      <protection locked="0"/>
    </xf>
    <xf numFmtId="38" fontId="7" fillId="0" borderId="3" xfId="2" applyFont="1" applyBorder="1" applyAlignment="1" applyProtection="1">
      <alignment horizontal="center" vertical="center" wrapText="1" shrinkToFit="1"/>
      <protection locked="0"/>
    </xf>
    <xf numFmtId="38" fontId="7" fillId="0" borderId="4" xfId="2" applyFont="1" applyBorder="1" applyAlignment="1" applyProtection="1">
      <alignment horizontal="center" vertical="center" wrapText="1" shrinkToFit="1"/>
      <protection locked="0"/>
    </xf>
    <xf numFmtId="38" fontId="7" fillId="0" borderId="14" xfId="2" applyFont="1" applyBorder="1" applyAlignment="1" applyProtection="1">
      <alignment horizontal="center" vertical="center" wrapText="1" shrinkToFit="1"/>
      <protection locked="0"/>
    </xf>
    <xf numFmtId="0" fontId="6" fillId="2" borderId="7" xfId="0" applyFont="1" applyFill="1" applyBorder="1" applyAlignment="1" applyProtection="1">
      <alignment horizontal="center" vertical="center" wrapText="1"/>
      <protection locked="0"/>
    </xf>
    <xf numFmtId="0" fontId="6" fillId="2" borderId="8" xfId="0" applyFont="1" applyFill="1" applyBorder="1" applyAlignment="1" applyProtection="1">
      <alignment horizontal="center" vertical="center" wrapText="1"/>
      <protection locked="0"/>
    </xf>
    <xf numFmtId="0" fontId="6" fillId="2" borderId="9" xfId="0" applyFont="1" applyFill="1" applyBorder="1" applyAlignment="1" applyProtection="1">
      <alignment horizontal="center" vertical="center" wrapText="1"/>
      <protection locked="0"/>
    </xf>
    <xf numFmtId="0" fontId="6" fillId="2" borderId="5" xfId="0" applyFont="1" applyFill="1" applyBorder="1" applyAlignment="1" applyProtection="1">
      <alignment horizontal="center" vertical="center" wrapText="1"/>
      <protection locked="0"/>
    </xf>
    <xf numFmtId="0" fontId="6" fillId="2" borderId="0" xfId="0" applyFont="1" applyFill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10" xfId="0" applyFont="1" applyFill="1" applyBorder="1" applyAlignment="1" applyProtection="1">
      <alignment horizontal="center" vertical="center" wrapText="1"/>
      <protection locked="0"/>
    </xf>
    <xf numFmtId="0" fontId="6" fillId="2" borderId="11" xfId="0" applyFont="1" applyFill="1" applyBorder="1" applyAlignment="1" applyProtection="1">
      <alignment horizontal="center" vertical="center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7" xfId="0" applyFont="1" applyFill="1" applyBorder="1" applyAlignment="1" applyProtection="1">
      <alignment horizontal="center" vertical="center"/>
      <protection locked="0"/>
    </xf>
    <xf numFmtId="0" fontId="6" fillId="2" borderId="8" xfId="0" applyFont="1" applyFill="1" applyBorder="1" applyAlignment="1" applyProtection="1">
      <alignment horizontal="center" vertical="center"/>
      <protection locked="0"/>
    </xf>
    <xf numFmtId="0" fontId="6" fillId="2" borderId="9" xfId="0" applyFont="1" applyFill="1" applyBorder="1" applyAlignment="1" applyProtection="1">
      <alignment horizontal="center" vertical="center"/>
      <protection locked="0"/>
    </xf>
    <xf numFmtId="0" fontId="6" fillId="2" borderId="10" xfId="0" applyFont="1" applyFill="1" applyBorder="1" applyAlignment="1" applyProtection="1">
      <alignment horizontal="center" vertical="center"/>
      <protection locked="0"/>
    </xf>
    <xf numFmtId="0" fontId="6" fillId="2" borderId="11" xfId="0" applyFont="1" applyFill="1" applyBorder="1" applyAlignment="1" applyProtection="1">
      <alignment horizontal="center" vertical="center"/>
      <protection locked="0"/>
    </xf>
    <xf numFmtId="0" fontId="6" fillId="2" borderId="12" xfId="0" applyFont="1" applyFill="1" applyBorder="1" applyAlignment="1" applyProtection="1">
      <alignment horizontal="center" vertical="center"/>
      <protection locked="0"/>
    </xf>
    <xf numFmtId="0" fontId="6" fillId="2" borderId="6" xfId="0" applyFont="1" applyFill="1" applyBorder="1" applyAlignment="1" applyProtection="1">
      <alignment horizontal="center" vertical="top" textRotation="255" wrapText="1"/>
      <protection locked="0"/>
    </xf>
    <xf numFmtId="0" fontId="6" fillId="2" borderId="15" xfId="0" applyFont="1" applyFill="1" applyBorder="1" applyAlignment="1" applyProtection="1">
      <alignment horizontal="center" vertical="top" textRotation="255" wrapText="1"/>
      <protection locked="0"/>
    </xf>
  </cellXfs>
  <cellStyles count="5">
    <cellStyle name="パーセント" xfId="3" builtinId="5"/>
    <cellStyle name="桁区切り" xfId="2" builtinId="6"/>
    <cellStyle name="標準" xfId="0" builtinId="0"/>
    <cellStyle name="標準 2" xfId="1"/>
    <cellStyle name="標準 5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X14"/>
  <sheetViews>
    <sheetView tabSelected="1" view="pageBreakPreview" zoomScale="60" zoomScaleNormal="85" workbookViewId="0">
      <selection activeCell="G19" sqref="G19"/>
    </sheetView>
  </sheetViews>
  <sheetFormatPr defaultColWidth="9.109375" defaultRowHeight="13.5" x14ac:dyDescent="0.25"/>
  <cols>
    <col min="1" max="3" width="11.88671875" style="9" customWidth="1"/>
    <col min="4" max="4" width="11.88671875" style="9" bestFit="1" customWidth="1"/>
    <col min="5" max="5" width="10.44140625" style="9" customWidth="1"/>
    <col min="6" max="6" width="6" style="9" customWidth="1"/>
    <col min="7" max="7" width="11.5546875" style="9" customWidth="1"/>
    <col min="8" max="8" width="10.44140625" style="9" customWidth="1"/>
    <col min="9" max="9" width="6" style="9" customWidth="1"/>
    <col min="10" max="10" width="11.5546875" style="9" customWidth="1"/>
    <col min="11" max="11" width="10.44140625" style="9" customWidth="1"/>
    <col min="12" max="12" width="6" style="9" customWidth="1"/>
    <col min="13" max="13" width="11.5546875" style="9" customWidth="1"/>
    <col min="14" max="14" width="10.44140625" style="9" customWidth="1"/>
    <col min="15" max="15" width="6" style="9" customWidth="1"/>
    <col min="16" max="16" width="11.5546875" style="9" customWidth="1"/>
    <col min="17" max="17" width="10.44140625" style="9" customWidth="1"/>
    <col min="18" max="18" width="6" style="9" customWidth="1"/>
    <col min="19" max="19" width="11.5546875" style="9" customWidth="1"/>
    <col min="20" max="20" width="10.44140625" style="9" customWidth="1"/>
    <col min="21" max="21" width="6" style="9" customWidth="1"/>
    <col min="22" max="22" width="11.5546875" style="9" customWidth="1"/>
    <col min="23" max="23" width="10.44140625" style="9" customWidth="1"/>
    <col min="24" max="24" width="6" style="9" customWidth="1"/>
    <col min="25" max="25" width="11.5546875" style="9" customWidth="1"/>
    <col min="26" max="26" width="10.44140625" style="9" customWidth="1"/>
    <col min="27" max="27" width="6" style="9" customWidth="1"/>
    <col min="28" max="28" width="11.5546875" style="9" customWidth="1"/>
    <col min="29" max="29" width="10.44140625" style="9" customWidth="1"/>
    <col min="30" max="30" width="6" style="9" customWidth="1"/>
    <col min="31" max="31" width="11.5546875" style="9" customWidth="1"/>
    <col min="32" max="32" width="10.44140625" style="9" customWidth="1"/>
    <col min="33" max="33" width="6" style="9" customWidth="1"/>
    <col min="34" max="34" width="11.5546875" style="9" customWidth="1"/>
    <col min="35" max="35" width="10.44140625" style="9" customWidth="1"/>
    <col min="36" max="36" width="6" style="9" customWidth="1"/>
    <col min="37" max="37" width="11.5546875" style="9" customWidth="1"/>
    <col min="38" max="38" width="10.44140625" style="9" customWidth="1"/>
    <col min="39" max="39" width="6" style="9" customWidth="1"/>
    <col min="40" max="40" width="11.5546875" style="9" customWidth="1"/>
    <col min="41" max="41" width="10.44140625" style="9" customWidth="1"/>
    <col min="42" max="42" width="6" style="9" customWidth="1"/>
    <col min="43" max="43" width="11.5546875" style="9" customWidth="1"/>
    <col min="44" max="44" width="10.44140625" style="9" customWidth="1"/>
    <col min="45" max="45" width="6" style="9" customWidth="1"/>
    <col min="46" max="46" width="11.5546875" style="9" customWidth="1"/>
    <col min="47" max="47" width="10.44140625" style="9" customWidth="1"/>
    <col min="48" max="48" width="6" style="9" customWidth="1"/>
    <col min="49" max="49" width="11.5546875" style="9" customWidth="1"/>
    <col min="50" max="50" width="10.44140625" style="9" customWidth="1"/>
    <col min="51" max="51" width="6" style="9" customWidth="1"/>
    <col min="52" max="52" width="11.5546875" style="9" customWidth="1"/>
    <col min="53" max="53" width="10.44140625" style="9" customWidth="1"/>
    <col min="54" max="54" width="6" style="9" customWidth="1"/>
    <col min="55" max="55" width="11.5546875" style="9" customWidth="1"/>
    <col min="56" max="57" width="8.88671875" style="9" customWidth="1"/>
    <col min="58" max="58" width="8.88671875" style="14" customWidth="1"/>
    <col min="59" max="59" width="11.5546875" style="9" customWidth="1"/>
    <col min="60" max="61" width="8.88671875" style="9" customWidth="1"/>
    <col min="62" max="62" width="8.88671875" style="14" customWidth="1"/>
    <col min="63" max="63" width="11.5546875" style="9" customWidth="1"/>
    <col min="64" max="65" width="8.88671875" style="9" customWidth="1"/>
    <col min="66" max="66" width="8.88671875" style="14" customWidth="1"/>
    <col min="67" max="67" width="11.5546875" style="9" customWidth="1"/>
    <col min="68" max="69" width="8.88671875" style="9" customWidth="1"/>
    <col min="70" max="70" width="8.88671875" style="14" customWidth="1"/>
    <col min="71" max="71" width="11.5546875" style="9" customWidth="1"/>
    <col min="72" max="73" width="8.88671875" style="9" customWidth="1"/>
    <col min="74" max="74" width="8.88671875" style="14" customWidth="1"/>
    <col min="75" max="75" width="11.5546875" style="9" customWidth="1"/>
    <col min="76" max="77" width="8.88671875" style="9" customWidth="1"/>
    <col min="78" max="78" width="8.88671875" style="14" customWidth="1"/>
    <col min="79" max="79" width="11.5546875" style="9" customWidth="1"/>
    <col min="80" max="81" width="8.88671875" style="9" customWidth="1"/>
    <col min="82" max="82" width="8.88671875" style="14" customWidth="1"/>
    <col min="83" max="83" width="11.5546875" style="9" customWidth="1"/>
    <col min="84" max="85" width="8.88671875" style="9" customWidth="1"/>
    <col min="86" max="86" width="8.88671875" style="14" customWidth="1"/>
    <col min="87" max="87" width="11.5546875" style="9" customWidth="1"/>
    <col min="88" max="89" width="8.88671875" style="9" customWidth="1"/>
    <col min="90" max="90" width="8.88671875" style="14" customWidth="1"/>
    <col min="91" max="91" width="11.5546875" style="9" customWidth="1"/>
    <col min="92" max="93" width="8.88671875" style="9" customWidth="1"/>
    <col min="94" max="94" width="8.88671875" style="14" customWidth="1"/>
    <col min="95" max="95" width="11.5546875" style="9" customWidth="1"/>
    <col min="96" max="97" width="8.88671875" style="9" customWidth="1"/>
    <col min="98" max="98" width="8.88671875" style="14" customWidth="1"/>
    <col min="99" max="99" width="11.5546875" style="9" customWidth="1"/>
    <col min="100" max="101" width="8.88671875" style="9" customWidth="1"/>
    <col min="102" max="102" width="8.88671875" style="14" customWidth="1"/>
    <col min="103" max="103" width="11.5546875" style="9" customWidth="1"/>
    <col min="104" max="105" width="8.88671875" style="9" customWidth="1"/>
    <col min="106" max="106" width="8.88671875" style="14" customWidth="1"/>
    <col min="107" max="107" width="11.5546875" style="9" customWidth="1"/>
    <col min="108" max="109" width="8.88671875" style="9" customWidth="1"/>
    <col min="110" max="110" width="8.88671875" style="14" customWidth="1"/>
    <col min="111" max="111" width="11.5546875" style="9" customWidth="1"/>
    <col min="112" max="113" width="8.88671875" style="9" customWidth="1"/>
    <col min="114" max="114" width="8.88671875" style="3" customWidth="1"/>
    <col min="115" max="115" width="11.5546875" style="9" customWidth="1"/>
    <col min="116" max="117" width="8.88671875" style="9" customWidth="1"/>
    <col min="118" max="118" width="8.88671875" style="3" customWidth="1"/>
    <col min="119" max="119" width="11.5546875" style="9" customWidth="1"/>
    <col min="120" max="121" width="8.88671875" style="9" customWidth="1"/>
    <col min="122" max="122" width="8.88671875" style="3" customWidth="1"/>
    <col min="123" max="123" width="11.5546875" style="9" customWidth="1"/>
    <col min="124" max="125" width="8.88671875" style="9" customWidth="1"/>
    <col min="126" max="126" width="8.88671875" style="3" customWidth="1"/>
    <col min="127" max="127" width="11.5546875" style="9" customWidth="1"/>
    <col min="128" max="129" width="8.88671875" style="9" customWidth="1"/>
    <col min="130" max="130" width="8.88671875" style="3" customWidth="1"/>
    <col min="131" max="131" width="11.5546875" style="9" customWidth="1"/>
    <col min="132" max="133" width="8.88671875" style="9" customWidth="1"/>
    <col min="134" max="134" width="8.88671875" style="3" customWidth="1"/>
    <col min="135" max="135" width="11.5546875" style="9" customWidth="1"/>
    <col min="136" max="137" width="8.88671875" style="9" customWidth="1"/>
    <col min="138" max="138" width="8.88671875" style="3" customWidth="1"/>
    <col min="139" max="139" width="11.5546875" style="9" customWidth="1"/>
    <col min="140" max="141" width="8.88671875" style="9" customWidth="1"/>
    <col min="142" max="142" width="8.88671875" style="3" customWidth="1"/>
    <col min="143" max="143" width="11.5546875" style="9" customWidth="1"/>
    <col min="144" max="145" width="8.88671875" style="9" customWidth="1"/>
    <col min="146" max="146" width="8.88671875" style="3" customWidth="1"/>
    <col min="147" max="147" width="11.5546875" style="9" customWidth="1"/>
    <col min="148" max="153" width="5.44140625" style="18" customWidth="1"/>
    <col min="154" max="154" width="20.6640625" style="18" customWidth="1"/>
    <col min="155" max="160" width="5.44140625" style="18" customWidth="1"/>
    <col min="161" max="161" width="20.6640625" style="18" customWidth="1"/>
    <col min="162" max="167" width="5.44140625" style="18" customWidth="1"/>
    <col min="168" max="168" width="20.6640625" style="18" customWidth="1"/>
    <col min="169" max="171" width="5.44140625" style="18" customWidth="1"/>
    <col min="172" max="172" width="20.6640625" style="18" customWidth="1"/>
    <col min="173" max="175" width="5.44140625" style="18" customWidth="1"/>
    <col min="176" max="176" width="20.6640625" style="18" customWidth="1"/>
    <col min="177" max="179" width="5.44140625" style="18" customWidth="1"/>
    <col min="180" max="180" width="20.6640625" style="18" customWidth="1"/>
    <col min="181" max="16384" width="9.109375" style="9"/>
  </cols>
  <sheetData>
    <row r="1" spans="1:180" ht="24" x14ac:dyDescent="0.25">
      <c r="A1" s="5" t="s">
        <v>57</v>
      </c>
      <c r="B1" s="6"/>
      <c r="C1" s="7"/>
      <c r="D1" s="7"/>
      <c r="E1" s="7"/>
      <c r="F1" s="7"/>
      <c r="G1" s="7"/>
      <c r="H1" s="8"/>
      <c r="I1" s="7"/>
      <c r="J1" s="7"/>
      <c r="K1" s="7"/>
      <c r="L1" s="7"/>
      <c r="M1" s="7"/>
      <c r="N1" s="7"/>
      <c r="O1" s="7"/>
      <c r="P1" s="8"/>
      <c r="Q1" s="7"/>
      <c r="R1" s="7"/>
      <c r="S1" s="7"/>
      <c r="T1" s="7"/>
      <c r="U1" s="7"/>
      <c r="V1" s="7"/>
      <c r="W1" s="7"/>
      <c r="X1" s="7"/>
      <c r="Y1" s="7"/>
      <c r="Z1" s="7"/>
      <c r="AA1" s="7"/>
      <c r="AB1" s="7"/>
      <c r="AC1" s="6"/>
      <c r="AD1" s="6"/>
      <c r="AE1" s="6"/>
      <c r="AF1" s="6"/>
      <c r="AG1" s="7"/>
      <c r="AH1" s="7"/>
      <c r="AI1" s="7"/>
      <c r="AJ1" s="7"/>
      <c r="AK1" s="7"/>
      <c r="AL1" s="7"/>
      <c r="AM1" s="7"/>
      <c r="AN1" s="7"/>
      <c r="AO1" s="7"/>
      <c r="AP1" s="7"/>
      <c r="AQ1" s="7"/>
      <c r="AR1" s="7"/>
      <c r="AS1" s="7"/>
      <c r="AT1" s="7"/>
      <c r="AU1" s="7"/>
      <c r="AV1" s="7"/>
      <c r="AW1" s="7"/>
      <c r="AX1" s="7"/>
      <c r="AY1" s="7"/>
      <c r="AZ1" s="7"/>
      <c r="BA1" s="7"/>
      <c r="BB1" s="7"/>
      <c r="BC1" s="7"/>
      <c r="BD1" s="7"/>
      <c r="BE1" s="7"/>
      <c r="BF1" s="12"/>
      <c r="BG1" s="7"/>
      <c r="BH1" s="7"/>
      <c r="BI1" s="7"/>
      <c r="BJ1" s="12"/>
      <c r="BK1" s="7"/>
      <c r="BL1" s="7"/>
      <c r="BM1" s="7"/>
      <c r="BN1" s="12"/>
      <c r="BO1" s="7"/>
      <c r="BP1" s="7"/>
      <c r="BQ1" s="7"/>
      <c r="BR1" s="12"/>
      <c r="BS1" s="7"/>
      <c r="BT1" s="7"/>
      <c r="BU1" s="7"/>
      <c r="BV1" s="12"/>
      <c r="BW1" s="7"/>
      <c r="BX1" s="7"/>
      <c r="BY1" s="7"/>
      <c r="BZ1" s="12"/>
      <c r="CA1" s="7"/>
      <c r="CB1" s="7"/>
      <c r="CC1" s="7"/>
      <c r="CD1" s="12"/>
      <c r="CE1" s="7"/>
      <c r="CF1" s="7"/>
      <c r="CG1" s="7"/>
      <c r="CH1" s="12"/>
      <c r="CI1" s="7"/>
      <c r="CJ1" s="7"/>
      <c r="CK1" s="7"/>
      <c r="CL1" s="12"/>
      <c r="CM1" s="7"/>
      <c r="CN1" s="7"/>
      <c r="CO1" s="7"/>
      <c r="CP1" s="12"/>
      <c r="CQ1" s="7"/>
      <c r="CR1" s="7"/>
      <c r="CS1" s="7"/>
      <c r="CT1" s="12"/>
      <c r="CU1" s="7"/>
      <c r="CV1" s="7"/>
      <c r="CW1" s="7"/>
      <c r="CX1" s="12"/>
      <c r="CY1" s="7"/>
      <c r="CZ1" s="7"/>
      <c r="DA1" s="7"/>
      <c r="DB1" s="12"/>
      <c r="DC1" s="7"/>
      <c r="DD1" s="7"/>
      <c r="DE1" s="7"/>
      <c r="DF1" s="12"/>
      <c r="DG1" s="7"/>
      <c r="DH1" s="7"/>
      <c r="DI1" s="7"/>
      <c r="DJ1" s="1"/>
      <c r="DK1" s="7"/>
      <c r="DL1" s="7"/>
      <c r="DM1" s="7"/>
      <c r="DN1" s="1"/>
      <c r="DO1" s="7"/>
      <c r="DP1" s="7"/>
      <c r="DQ1" s="7"/>
      <c r="DR1" s="1"/>
      <c r="DS1" s="7"/>
      <c r="DT1" s="7"/>
      <c r="DU1" s="7"/>
      <c r="DV1" s="1"/>
      <c r="DW1" s="7"/>
      <c r="DX1" s="7"/>
      <c r="DY1" s="7"/>
      <c r="DZ1" s="1"/>
      <c r="EA1" s="7"/>
      <c r="EB1" s="7"/>
      <c r="EC1" s="7"/>
      <c r="ED1" s="1"/>
      <c r="EE1" s="7"/>
      <c r="EF1" s="7"/>
      <c r="EG1" s="7"/>
      <c r="EH1" s="1"/>
      <c r="EI1" s="7"/>
      <c r="EJ1" s="7"/>
      <c r="EK1" s="7"/>
      <c r="EL1" s="1"/>
      <c r="EM1" s="7"/>
      <c r="EN1" s="7"/>
      <c r="EO1" s="6"/>
      <c r="EP1" s="4"/>
      <c r="EQ1" s="6"/>
      <c r="ER1" s="15"/>
      <c r="ES1" s="15"/>
      <c r="ET1" s="15"/>
      <c r="EU1" s="15"/>
      <c r="EV1" s="15"/>
      <c r="EW1" s="15"/>
      <c r="EX1" s="15"/>
      <c r="EY1" s="15"/>
      <c r="EZ1" s="15"/>
      <c r="FA1" s="15"/>
      <c r="FB1" s="15"/>
      <c r="FC1" s="15"/>
      <c r="FD1" s="15"/>
      <c r="FE1" s="15"/>
      <c r="FF1" s="15"/>
      <c r="FG1" s="15"/>
      <c r="FH1" s="15"/>
      <c r="FI1" s="15"/>
      <c r="FJ1" s="15"/>
      <c r="FK1" s="15"/>
      <c r="FL1" s="15"/>
      <c r="FM1" s="15"/>
      <c r="FN1" s="15"/>
      <c r="FO1" s="15"/>
      <c r="FP1" s="15"/>
      <c r="FQ1" s="15"/>
      <c r="FR1" s="15"/>
      <c r="FS1" s="15"/>
      <c r="FT1" s="15"/>
      <c r="FU1" s="15"/>
      <c r="FV1" s="16"/>
      <c r="FW1" s="16"/>
      <c r="FX1" s="16"/>
    </row>
    <row r="2" spans="1:180" ht="18.75" customHeight="1" x14ac:dyDescent="0.25">
      <c r="A2" s="30" t="s">
        <v>9</v>
      </c>
      <c r="B2" s="46" t="s">
        <v>10</v>
      </c>
      <c r="C2" s="30" t="s">
        <v>11</v>
      </c>
      <c r="D2" s="30" t="s">
        <v>12</v>
      </c>
      <c r="E2" s="36" t="s">
        <v>13</v>
      </c>
      <c r="F2" s="37"/>
      <c r="G2" s="37"/>
      <c r="H2" s="37"/>
      <c r="I2" s="37"/>
      <c r="J2" s="37"/>
      <c r="K2" s="37"/>
      <c r="L2" s="37"/>
      <c r="M2" s="37"/>
      <c r="N2" s="37"/>
      <c r="O2" s="37"/>
      <c r="P2" s="37"/>
      <c r="Q2" s="37"/>
      <c r="R2" s="37"/>
      <c r="S2" s="37"/>
      <c r="T2" s="37"/>
      <c r="U2" s="37"/>
      <c r="V2" s="37"/>
      <c r="W2" s="37"/>
      <c r="X2" s="37"/>
      <c r="Y2" s="37"/>
      <c r="Z2" s="37"/>
      <c r="AA2" s="37"/>
      <c r="AB2" s="37"/>
      <c r="AC2" s="37"/>
      <c r="AD2" s="37"/>
      <c r="AE2" s="37"/>
      <c r="AF2" s="37"/>
      <c r="AG2" s="37"/>
      <c r="AH2" s="37"/>
      <c r="AI2" s="37"/>
      <c r="AJ2" s="37"/>
      <c r="AK2" s="37"/>
      <c r="AL2" s="37"/>
      <c r="AM2" s="37"/>
      <c r="AN2" s="37"/>
      <c r="AO2" s="37"/>
      <c r="AP2" s="37"/>
      <c r="AQ2" s="37"/>
      <c r="AR2" s="37"/>
      <c r="AS2" s="37"/>
      <c r="AT2" s="37"/>
      <c r="AU2" s="37"/>
      <c r="AV2" s="37"/>
      <c r="AW2" s="37"/>
      <c r="AX2" s="37"/>
      <c r="AY2" s="37"/>
      <c r="AZ2" s="37"/>
      <c r="BA2" s="37"/>
      <c r="BB2" s="37"/>
      <c r="BC2" s="37"/>
      <c r="BD2" s="36" t="s">
        <v>89</v>
      </c>
      <c r="BE2" s="37"/>
      <c r="BF2" s="37"/>
      <c r="BG2" s="37"/>
      <c r="BH2" s="37"/>
      <c r="BI2" s="37"/>
      <c r="BJ2" s="37"/>
      <c r="BK2" s="37"/>
      <c r="BL2" s="37"/>
      <c r="BM2" s="37"/>
      <c r="BN2" s="37"/>
      <c r="BO2" s="37"/>
      <c r="BP2" s="37"/>
      <c r="BQ2" s="37"/>
      <c r="BR2" s="37"/>
      <c r="BS2" s="37"/>
      <c r="BT2" s="37"/>
      <c r="BU2" s="37"/>
      <c r="BV2" s="37"/>
      <c r="BW2" s="37"/>
      <c r="BX2" s="37"/>
      <c r="BY2" s="37"/>
      <c r="BZ2" s="37"/>
      <c r="CA2" s="37"/>
      <c r="CB2" s="37"/>
      <c r="CC2" s="37"/>
      <c r="CD2" s="37"/>
      <c r="CE2" s="37"/>
      <c r="CF2" s="37"/>
      <c r="CG2" s="37"/>
      <c r="CH2" s="37"/>
      <c r="CI2" s="37"/>
      <c r="CJ2" s="37"/>
      <c r="CK2" s="37"/>
      <c r="CL2" s="37"/>
      <c r="CM2" s="37"/>
      <c r="CN2" s="37"/>
      <c r="CO2" s="37"/>
      <c r="CP2" s="37"/>
      <c r="CQ2" s="37"/>
      <c r="CR2" s="37"/>
      <c r="CS2" s="37"/>
      <c r="CT2" s="37"/>
      <c r="CU2" s="37"/>
      <c r="CV2" s="37"/>
      <c r="CW2" s="37"/>
      <c r="CX2" s="37"/>
      <c r="CY2" s="37"/>
      <c r="CZ2" s="37"/>
      <c r="DA2" s="37"/>
      <c r="DB2" s="37"/>
      <c r="DC2" s="37"/>
      <c r="DD2" s="37"/>
      <c r="DE2" s="37"/>
      <c r="DF2" s="37"/>
      <c r="DG2" s="37"/>
      <c r="DH2" s="37"/>
      <c r="DI2" s="37"/>
      <c r="DJ2" s="37"/>
      <c r="DK2" s="37"/>
      <c r="DL2" s="37"/>
      <c r="DM2" s="37"/>
      <c r="DN2" s="37"/>
      <c r="DO2" s="37"/>
      <c r="DP2" s="37"/>
      <c r="DQ2" s="37"/>
      <c r="DR2" s="37"/>
      <c r="DS2" s="37"/>
      <c r="DT2" s="37"/>
      <c r="DU2" s="37"/>
      <c r="DV2" s="37"/>
      <c r="DW2" s="37"/>
      <c r="DX2" s="37"/>
      <c r="DY2" s="37"/>
      <c r="DZ2" s="38"/>
      <c r="EA2" s="37"/>
      <c r="EB2" s="37"/>
      <c r="EC2" s="37"/>
      <c r="ED2" s="38"/>
      <c r="EE2" s="37"/>
      <c r="EF2" s="37"/>
      <c r="EG2" s="37"/>
      <c r="EH2" s="38"/>
      <c r="EI2" s="37"/>
      <c r="EJ2" s="37"/>
      <c r="EK2" s="37"/>
      <c r="EL2" s="38"/>
      <c r="EM2" s="37"/>
      <c r="EN2" s="37"/>
      <c r="EO2" s="37"/>
      <c r="EP2" s="38"/>
      <c r="EQ2" s="39"/>
      <c r="ER2" s="48" t="s">
        <v>90</v>
      </c>
      <c r="ES2" s="48"/>
      <c r="ET2" s="48"/>
      <c r="EU2" s="48"/>
      <c r="EV2" s="48"/>
      <c r="EW2" s="48"/>
      <c r="EX2" s="48"/>
      <c r="EY2" s="48"/>
      <c r="EZ2" s="48"/>
      <c r="FA2" s="48"/>
      <c r="FB2" s="48"/>
      <c r="FC2" s="48"/>
      <c r="FD2" s="48"/>
      <c r="FE2" s="48"/>
      <c r="FF2" s="48"/>
      <c r="FG2" s="48"/>
      <c r="FH2" s="48"/>
      <c r="FI2" s="48"/>
      <c r="FJ2" s="48"/>
      <c r="FK2" s="48"/>
      <c r="FL2" s="48"/>
      <c r="FM2" s="48"/>
      <c r="FN2" s="48"/>
      <c r="FO2" s="48"/>
      <c r="FP2" s="48"/>
      <c r="FQ2" s="48"/>
      <c r="FR2" s="48"/>
      <c r="FS2" s="48"/>
      <c r="FT2" s="48"/>
      <c r="FU2" s="48"/>
      <c r="FV2" s="48"/>
      <c r="FW2" s="48"/>
      <c r="FX2" s="48"/>
    </row>
    <row r="3" spans="1:180" ht="21.75" customHeight="1" x14ac:dyDescent="0.25">
      <c r="A3" s="45"/>
      <c r="B3" s="47"/>
      <c r="C3" s="45"/>
      <c r="D3" s="45"/>
      <c r="E3" s="52" t="s">
        <v>14</v>
      </c>
      <c r="F3" s="52"/>
      <c r="G3" s="52"/>
      <c r="H3" s="52" t="s">
        <v>15</v>
      </c>
      <c r="I3" s="52"/>
      <c r="J3" s="52"/>
      <c r="K3" s="52" t="s">
        <v>16</v>
      </c>
      <c r="L3" s="52"/>
      <c r="M3" s="52"/>
      <c r="N3" s="52" t="s">
        <v>17</v>
      </c>
      <c r="O3" s="52"/>
      <c r="P3" s="52"/>
      <c r="Q3" s="52" t="s">
        <v>18</v>
      </c>
      <c r="R3" s="52"/>
      <c r="S3" s="52"/>
      <c r="T3" s="52" t="s">
        <v>58</v>
      </c>
      <c r="U3" s="52"/>
      <c r="V3" s="52"/>
      <c r="W3" s="52" t="s">
        <v>59</v>
      </c>
      <c r="X3" s="52"/>
      <c r="Y3" s="52"/>
      <c r="Z3" s="52" t="s">
        <v>19</v>
      </c>
      <c r="AA3" s="52"/>
      <c r="AB3" s="52"/>
      <c r="AC3" s="52" t="s">
        <v>20</v>
      </c>
      <c r="AD3" s="52"/>
      <c r="AE3" s="52"/>
      <c r="AF3" s="40" t="s">
        <v>63</v>
      </c>
      <c r="AG3" s="40"/>
      <c r="AH3" s="40"/>
      <c r="AI3" s="52" t="s">
        <v>21</v>
      </c>
      <c r="AJ3" s="52"/>
      <c r="AK3" s="52"/>
      <c r="AL3" s="52" t="s">
        <v>22</v>
      </c>
      <c r="AM3" s="52"/>
      <c r="AN3" s="52"/>
      <c r="AO3" s="52" t="s">
        <v>60</v>
      </c>
      <c r="AP3" s="52"/>
      <c r="AQ3" s="52"/>
      <c r="AR3" s="52" t="s">
        <v>61</v>
      </c>
      <c r="AS3" s="52"/>
      <c r="AT3" s="52"/>
      <c r="AU3" s="53" t="s">
        <v>23</v>
      </c>
      <c r="AV3" s="53"/>
      <c r="AW3" s="53"/>
      <c r="AX3" s="52" t="s">
        <v>24</v>
      </c>
      <c r="AY3" s="52"/>
      <c r="AZ3" s="52"/>
      <c r="BA3" s="52" t="s">
        <v>25</v>
      </c>
      <c r="BB3" s="52"/>
      <c r="BC3" s="52"/>
      <c r="BD3" s="54" t="s">
        <v>26</v>
      </c>
      <c r="BE3" s="54"/>
      <c r="BF3" s="54"/>
      <c r="BG3" s="54"/>
      <c r="BH3" s="54" t="s">
        <v>27</v>
      </c>
      <c r="BI3" s="54"/>
      <c r="BJ3" s="54"/>
      <c r="BK3" s="54"/>
      <c r="BL3" s="54" t="s">
        <v>28</v>
      </c>
      <c r="BM3" s="54"/>
      <c r="BN3" s="54"/>
      <c r="BO3" s="54"/>
      <c r="BP3" s="54" t="s">
        <v>29</v>
      </c>
      <c r="BQ3" s="54"/>
      <c r="BR3" s="54"/>
      <c r="BS3" s="54"/>
      <c r="BT3" s="54" t="s">
        <v>30</v>
      </c>
      <c r="BU3" s="54"/>
      <c r="BV3" s="54"/>
      <c r="BW3" s="54"/>
      <c r="BX3" s="54" t="s">
        <v>31</v>
      </c>
      <c r="BY3" s="54"/>
      <c r="BZ3" s="54"/>
      <c r="CA3" s="54"/>
      <c r="CB3" s="54" t="s">
        <v>32</v>
      </c>
      <c r="CC3" s="54"/>
      <c r="CD3" s="54"/>
      <c r="CE3" s="54"/>
      <c r="CF3" s="54" t="s">
        <v>33</v>
      </c>
      <c r="CG3" s="54"/>
      <c r="CH3" s="54"/>
      <c r="CI3" s="54"/>
      <c r="CJ3" s="54" t="s">
        <v>34</v>
      </c>
      <c r="CK3" s="54"/>
      <c r="CL3" s="54"/>
      <c r="CM3" s="54"/>
      <c r="CN3" s="54" t="s">
        <v>35</v>
      </c>
      <c r="CO3" s="54"/>
      <c r="CP3" s="54"/>
      <c r="CQ3" s="54"/>
      <c r="CR3" s="54" t="s">
        <v>36</v>
      </c>
      <c r="CS3" s="54"/>
      <c r="CT3" s="54"/>
      <c r="CU3" s="54"/>
      <c r="CV3" s="55" t="s">
        <v>37</v>
      </c>
      <c r="CW3" s="56"/>
      <c r="CX3" s="56"/>
      <c r="CY3" s="57"/>
      <c r="CZ3" s="54" t="s">
        <v>38</v>
      </c>
      <c r="DA3" s="54"/>
      <c r="DB3" s="54"/>
      <c r="DC3" s="54"/>
      <c r="DD3" s="54" t="s">
        <v>39</v>
      </c>
      <c r="DE3" s="54"/>
      <c r="DF3" s="54"/>
      <c r="DG3" s="54"/>
      <c r="DH3" s="54" t="s">
        <v>40</v>
      </c>
      <c r="DI3" s="54"/>
      <c r="DJ3" s="54"/>
      <c r="DK3" s="54"/>
      <c r="DL3" s="54" t="s">
        <v>41</v>
      </c>
      <c r="DM3" s="54"/>
      <c r="DN3" s="54"/>
      <c r="DO3" s="54"/>
      <c r="DP3" s="54" t="s">
        <v>62</v>
      </c>
      <c r="DQ3" s="54"/>
      <c r="DR3" s="54"/>
      <c r="DS3" s="54"/>
      <c r="DT3" s="54" t="s">
        <v>42</v>
      </c>
      <c r="DU3" s="54"/>
      <c r="DV3" s="54"/>
      <c r="DW3" s="54"/>
      <c r="DX3" s="54" t="s">
        <v>43</v>
      </c>
      <c r="DY3" s="54"/>
      <c r="DZ3" s="54"/>
      <c r="EA3" s="54"/>
      <c r="EB3" s="54" t="s">
        <v>44</v>
      </c>
      <c r="EC3" s="54"/>
      <c r="ED3" s="54"/>
      <c r="EE3" s="54"/>
      <c r="EF3" s="54" t="s">
        <v>45</v>
      </c>
      <c r="EG3" s="54"/>
      <c r="EH3" s="54"/>
      <c r="EI3" s="54"/>
      <c r="EJ3" s="54" t="s">
        <v>46</v>
      </c>
      <c r="EK3" s="54"/>
      <c r="EL3" s="54"/>
      <c r="EM3" s="54"/>
      <c r="EN3" s="54" t="s">
        <v>47</v>
      </c>
      <c r="EO3" s="54"/>
      <c r="EP3" s="54"/>
      <c r="EQ3" s="54"/>
      <c r="ER3" s="49" t="s">
        <v>64</v>
      </c>
      <c r="ES3" s="50"/>
      <c r="ET3" s="50"/>
      <c r="EU3" s="50"/>
      <c r="EV3" s="50"/>
      <c r="EW3" s="50"/>
      <c r="EX3" s="50"/>
      <c r="EY3" s="50"/>
      <c r="EZ3" s="50"/>
      <c r="FA3" s="50"/>
      <c r="FB3" s="50"/>
      <c r="FC3" s="50"/>
      <c r="FD3" s="50"/>
      <c r="FE3" s="50"/>
      <c r="FF3" s="50"/>
      <c r="FG3" s="50"/>
      <c r="FH3" s="50"/>
      <c r="FI3" s="50"/>
      <c r="FJ3" s="50"/>
      <c r="FK3" s="50"/>
      <c r="FL3" s="51"/>
      <c r="FM3" s="49" t="s">
        <v>65</v>
      </c>
      <c r="FN3" s="50"/>
      <c r="FO3" s="50"/>
      <c r="FP3" s="50"/>
      <c r="FQ3" s="50"/>
      <c r="FR3" s="50"/>
      <c r="FS3" s="50"/>
      <c r="FT3" s="50"/>
      <c r="FU3" s="50"/>
      <c r="FV3" s="50"/>
      <c r="FW3" s="50"/>
      <c r="FX3" s="51"/>
    </row>
    <row r="4" spans="1:180" ht="12.6" customHeight="1" x14ac:dyDescent="0.25">
      <c r="A4" s="45"/>
      <c r="B4" s="47"/>
      <c r="C4" s="45"/>
      <c r="D4" s="45"/>
      <c r="E4" s="40" t="s">
        <v>48</v>
      </c>
      <c r="F4" s="33" t="s">
        <v>49</v>
      </c>
      <c r="G4" s="33" t="s">
        <v>50</v>
      </c>
      <c r="H4" s="40" t="s">
        <v>48</v>
      </c>
      <c r="I4" s="33" t="s">
        <v>49</v>
      </c>
      <c r="J4" s="33" t="s">
        <v>50</v>
      </c>
      <c r="K4" s="40" t="s">
        <v>48</v>
      </c>
      <c r="L4" s="33" t="s">
        <v>49</v>
      </c>
      <c r="M4" s="33" t="s">
        <v>50</v>
      </c>
      <c r="N4" s="40" t="s">
        <v>48</v>
      </c>
      <c r="O4" s="33" t="s">
        <v>49</v>
      </c>
      <c r="P4" s="33" t="s">
        <v>50</v>
      </c>
      <c r="Q4" s="40" t="s">
        <v>48</v>
      </c>
      <c r="R4" s="33" t="s">
        <v>49</v>
      </c>
      <c r="S4" s="33" t="s">
        <v>50</v>
      </c>
      <c r="T4" s="40" t="s">
        <v>48</v>
      </c>
      <c r="U4" s="33" t="s">
        <v>49</v>
      </c>
      <c r="V4" s="33" t="s">
        <v>50</v>
      </c>
      <c r="W4" s="40" t="s">
        <v>48</v>
      </c>
      <c r="X4" s="33" t="s">
        <v>49</v>
      </c>
      <c r="Y4" s="33" t="s">
        <v>50</v>
      </c>
      <c r="Z4" s="40" t="s">
        <v>48</v>
      </c>
      <c r="AA4" s="33" t="s">
        <v>49</v>
      </c>
      <c r="AB4" s="33" t="s">
        <v>50</v>
      </c>
      <c r="AC4" s="40" t="s">
        <v>48</v>
      </c>
      <c r="AD4" s="33" t="s">
        <v>49</v>
      </c>
      <c r="AE4" s="33" t="s">
        <v>50</v>
      </c>
      <c r="AF4" s="42" t="s">
        <v>48</v>
      </c>
      <c r="AG4" s="43" t="s">
        <v>51</v>
      </c>
      <c r="AH4" s="33" t="s">
        <v>50</v>
      </c>
      <c r="AI4" s="40" t="s">
        <v>48</v>
      </c>
      <c r="AJ4" s="33" t="s">
        <v>49</v>
      </c>
      <c r="AK4" s="33" t="s">
        <v>50</v>
      </c>
      <c r="AL4" s="40" t="s">
        <v>48</v>
      </c>
      <c r="AM4" s="33" t="s">
        <v>49</v>
      </c>
      <c r="AN4" s="33" t="s">
        <v>50</v>
      </c>
      <c r="AO4" s="40" t="s">
        <v>48</v>
      </c>
      <c r="AP4" s="33" t="s">
        <v>49</v>
      </c>
      <c r="AQ4" s="33" t="s">
        <v>50</v>
      </c>
      <c r="AR4" s="40" t="s">
        <v>48</v>
      </c>
      <c r="AS4" s="33" t="s">
        <v>49</v>
      </c>
      <c r="AT4" s="33" t="s">
        <v>50</v>
      </c>
      <c r="AU4" s="40" t="s">
        <v>48</v>
      </c>
      <c r="AV4" s="33" t="s">
        <v>49</v>
      </c>
      <c r="AW4" s="33" t="s">
        <v>50</v>
      </c>
      <c r="AX4" s="40" t="s">
        <v>48</v>
      </c>
      <c r="AY4" s="33" t="s">
        <v>49</v>
      </c>
      <c r="AZ4" s="33" t="s">
        <v>50</v>
      </c>
      <c r="BA4" s="40" t="s">
        <v>48</v>
      </c>
      <c r="BB4" s="33" t="s">
        <v>49</v>
      </c>
      <c r="BC4" s="33" t="s">
        <v>50</v>
      </c>
      <c r="BD4" s="29" t="s">
        <v>52</v>
      </c>
      <c r="BE4" s="29" t="s">
        <v>53</v>
      </c>
      <c r="BF4" s="34" t="s">
        <v>54</v>
      </c>
      <c r="BG4" s="33" t="s">
        <v>50</v>
      </c>
      <c r="BH4" s="29" t="s">
        <v>52</v>
      </c>
      <c r="BI4" s="29" t="s">
        <v>53</v>
      </c>
      <c r="BJ4" s="34" t="s">
        <v>54</v>
      </c>
      <c r="BK4" s="33" t="s">
        <v>50</v>
      </c>
      <c r="BL4" s="29" t="s">
        <v>52</v>
      </c>
      <c r="BM4" s="29" t="s">
        <v>53</v>
      </c>
      <c r="BN4" s="34" t="s">
        <v>54</v>
      </c>
      <c r="BO4" s="33" t="s">
        <v>50</v>
      </c>
      <c r="BP4" s="29" t="s">
        <v>52</v>
      </c>
      <c r="BQ4" s="29" t="s">
        <v>53</v>
      </c>
      <c r="BR4" s="34" t="s">
        <v>54</v>
      </c>
      <c r="BS4" s="33" t="s">
        <v>50</v>
      </c>
      <c r="BT4" s="29" t="s">
        <v>52</v>
      </c>
      <c r="BU4" s="29" t="s">
        <v>53</v>
      </c>
      <c r="BV4" s="34" t="s">
        <v>54</v>
      </c>
      <c r="BW4" s="33" t="s">
        <v>50</v>
      </c>
      <c r="BX4" s="29" t="s">
        <v>52</v>
      </c>
      <c r="BY4" s="29" t="s">
        <v>53</v>
      </c>
      <c r="BZ4" s="34" t="s">
        <v>54</v>
      </c>
      <c r="CA4" s="33" t="s">
        <v>50</v>
      </c>
      <c r="CB4" s="29" t="s">
        <v>52</v>
      </c>
      <c r="CC4" s="29" t="s">
        <v>53</v>
      </c>
      <c r="CD4" s="34" t="s">
        <v>54</v>
      </c>
      <c r="CE4" s="33" t="s">
        <v>50</v>
      </c>
      <c r="CF4" s="29" t="s">
        <v>52</v>
      </c>
      <c r="CG4" s="29" t="s">
        <v>53</v>
      </c>
      <c r="CH4" s="34" t="s">
        <v>54</v>
      </c>
      <c r="CI4" s="33" t="s">
        <v>50</v>
      </c>
      <c r="CJ4" s="29" t="s">
        <v>52</v>
      </c>
      <c r="CK4" s="29" t="s">
        <v>53</v>
      </c>
      <c r="CL4" s="34" t="s">
        <v>54</v>
      </c>
      <c r="CM4" s="33" t="s">
        <v>50</v>
      </c>
      <c r="CN4" s="29" t="s">
        <v>52</v>
      </c>
      <c r="CO4" s="29" t="s">
        <v>53</v>
      </c>
      <c r="CP4" s="34" t="s">
        <v>54</v>
      </c>
      <c r="CQ4" s="33" t="s">
        <v>50</v>
      </c>
      <c r="CR4" s="29" t="s">
        <v>52</v>
      </c>
      <c r="CS4" s="29" t="s">
        <v>53</v>
      </c>
      <c r="CT4" s="34" t="s">
        <v>54</v>
      </c>
      <c r="CU4" s="33" t="s">
        <v>50</v>
      </c>
      <c r="CV4" s="29" t="s">
        <v>52</v>
      </c>
      <c r="CW4" s="29" t="s">
        <v>53</v>
      </c>
      <c r="CX4" s="34" t="s">
        <v>54</v>
      </c>
      <c r="CY4" s="33" t="s">
        <v>50</v>
      </c>
      <c r="CZ4" s="29" t="s">
        <v>52</v>
      </c>
      <c r="DA4" s="29" t="s">
        <v>53</v>
      </c>
      <c r="DB4" s="34" t="s">
        <v>54</v>
      </c>
      <c r="DC4" s="33" t="s">
        <v>50</v>
      </c>
      <c r="DD4" s="29" t="s">
        <v>52</v>
      </c>
      <c r="DE4" s="29" t="s">
        <v>53</v>
      </c>
      <c r="DF4" s="34" t="s">
        <v>54</v>
      </c>
      <c r="DG4" s="33" t="s">
        <v>50</v>
      </c>
      <c r="DH4" s="29" t="s">
        <v>52</v>
      </c>
      <c r="DI4" s="29" t="s">
        <v>53</v>
      </c>
      <c r="DJ4" s="31" t="s">
        <v>54</v>
      </c>
      <c r="DK4" s="33" t="s">
        <v>50</v>
      </c>
      <c r="DL4" s="29" t="s">
        <v>52</v>
      </c>
      <c r="DM4" s="29" t="s">
        <v>53</v>
      </c>
      <c r="DN4" s="31" t="s">
        <v>54</v>
      </c>
      <c r="DO4" s="33" t="s">
        <v>50</v>
      </c>
      <c r="DP4" s="29" t="s">
        <v>52</v>
      </c>
      <c r="DQ4" s="29" t="s">
        <v>53</v>
      </c>
      <c r="DR4" s="31" t="s">
        <v>54</v>
      </c>
      <c r="DS4" s="33" t="s">
        <v>50</v>
      </c>
      <c r="DT4" s="29" t="s">
        <v>52</v>
      </c>
      <c r="DU4" s="29" t="s">
        <v>53</v>
      </c>
      <c r="DV4" s="31" t="s">
        <v>54</v>
      </c>
      <c r="DW4" s="33" t="s">
        <v>50</v>
      </c>
      <c r="DX4" s="29" t="s">
        <v>52</v>
      </c>
      <c r="DY4" s="29" t="s">
        <v>53</v>
      </c>
      <c r="DZ4" s="31" t="s">
        <v>54</v>
      </c>
      <c r="EA4" s="33" t="s">
        <v>50</v>
      </c>
      <c r="EB4" s="29" t="s">
        <v>52</v>
      </c>
      <c r="EC4" s="29" t="s">
        <v>53</v>
      </c>
      <c r="ED4" s="31" t="s">
        <v>54</v>
      </c>
      <c r="EE4" s="33" t="s">
        <v>50</v>
      </c>
      <c r="EF4" s="29" t="s">
        <v>52</v>
      </c>
      <c r="EG4" s="29" t="s">
        <v>53</v>
      </c>
      <c r="EH4" s="31" t="s">
        <v>54</v>
      </c>
      <c r="EI4" s="33" t="s">
        <v>50</v>
      </c>
      <c r="EJ4" s="29" t="s">
        <v>52</v>
      </c>
      <c r="EK4" s="29" t="s">
        <v>53</v>
      </c>
      <c r="EL4" s="31" t="s">
        <v>54</v>
      </c>
      <c r="EM4" s="33" t="s">
        <v>50</v>
      </c>
      <c r="EN4" s="29" t="s">
        <v>52</v>
      </c>
      <c r="EO4" s="29" t="s">
        <v>55</v>
      </c>
      <c r="EP4" s="31" t="s">
        <v>54</v>
      </c>
      <c r="EQ4" s="33" t="s">
        <v>50</v>
      </c>
      <c r="ER4" s="58" t="s">
        <v>66</v>
      </c>
      <c r="ES4" s="59"/>
      <c r="ET4" s="59"/>
      <c r="EU4" s="59"/>
      <c r="EV4" s="59"/>
      <c r="EW4" s="59"/>
      <c r="EX4" s="60"/>
      <c r="EY4" s="58" t="s">
        <v>67</v>
      </c>
      <c r="EZ4" s="59"/>
      <c r="FA4" s="59"/>
      <c r="FB4" s="59"/>
      <c r="FC4" s="59"/>
      <c r="FD4" s="59"/>
      <c r="FE4" s="60"/>
      <c r="FF4" s="67" t="s">
        <v>68</v>
      </c>
      <c r="FG4" s="68"/>
      <c r="FH4" s="68"/>
      <c r="FI4" s="68"/>
      <c r="FJ4" s="68"/>
      <c r="FK4" s="68"/>
      <c r="FL4" s="69"/>
      <c r="FM4" s="67" t="s">
        <v>66</v>
      </c>
      <c r="FN4" s="68"/>
      <c r="FO4" s="68"/>
      <c r="FP4" s="69"/>
      <c r="FQ4" s="67" t="s">
        <v>67</v>
      </c>
      <c r="FR4" s="68"/>
      <c r="FS4" s="68"/>
      <c r="FT4" s="69"/>
      <c r="FU4" s="67" t="s">
        <v>68</v>
      </c>
      <c r="FV4" s="68"/>
      <c r="FW4" s="68"/>
      <c r="FX4" s="69"/>
    </row>
    <row r="5" spans="1:180" ht="12.95" customHeight="1" x14ac:dyDescent="0.25">
      <c r="A5" s="45"/>
      <c r="B5" s="47"/>
      <c r="C5" s="45"/>
      <c r="D5" s="45"/>
      <c r="E5" s="40"/>
      <c r="F5" s="33"/>
      <c r="G5" s="33"/>
      <c r="H5" s="40"/>
      <c r="I5" s="33"/>
      <c r="J5" s="33"/>
      <c r="K5" s="40"/>
      <c r="L5" s="33"/>
      <c r="M5" s="33"/>
      <c r="N5" s="40"/>
      <c r="O5" s="33"/>
      <c r="P5" s="33"/>
      <c r="Q5" s="40"/>
      <c r="R5" s="33"/>
      <c r="S5" s="33"/>
      <c r="T5" s="40"/>
      <c r="U5" s="33"/>
      <c r="V5" s="33"/>
      <c r="W5" s="40"/>
      <c r="X5" s="33"/>
      <c r="Y5" s="33"/>
      <c r="Z5" s="40"/>
      <c r="AA5" s="33"/>
      <c r="AB5" s="33"/>
      <c r="AC5" s="40"/>
      <c r="AD5" s="33"/>
      <c r="AE5" s="33"/>
      <c r="AF5" s="42"/>
      <c r="AG5" s="43"/>
      <c r="AH5" s="33"/>
      <c r="AI5" s="40"/>
      <c r="AJ5" s="33"/>
      <c r="AK5" s="33"/>
      <c r="AL5" s="40"/>
      <c r="AM5" s="33"/>
      <c r="AN5" s="33"/>
      <c r="AO5" s="40"/>
      <c r="AP5" s="33"/>
      <c r="AQ5" s="33"/>
      <c r="AR5" s="40"/>
      <c r="AS5" s="33"/>
      <c r="AT5" s="33"/>
      <c r="AU5" s="40"/>
      <c r="AV5" s="33"/>
      <c r="AW5" s="33"/>
      <c r="AX5" s="40"/>
      <c r="AY5" s="33"/>
      <c r="AZ5" s="33"/>
      <c r="BA5" s="40"/>
      <c r="BB5" s="33"/>
      <c r="BC5" s="33"/>
      <c r="BD5" s="29"/>
      <c r="BE5" s="29"/>
      <c r="BF5" s="34"/>
      <c r="BG5" s="33"/>
      <c r="BH5" s="29"/>
      <c r="BI5" s="29"/>
      <c r="BJ5" s="34"/>
      <c r="BK5" s="33"/>
      <c r="BL5" s="29"/>
      <c r="BM5" s="29"/>
      <c r="BN5" s="34"/>
      <c r="BO5" s="33"/>
      <c r="BP5" s="29"/>
      <c r="BQ5" s="29"/>
      <c r="BR5" s="34"/>
      <c r="BS5" s="33"/>
      <c r="BT5" s="29"/>
      <c r="BU5" s="29"/>
      <c r="BV5" s="34"/>
      <c r="BW5" s="33"/>
      <c r="BX5" s="29"/>
      <c r="BY5" s="29"/>
      <c r="BZ5" s="34"/>
      <c r="CA5" s="33"/>
      <c r="CB5" s="29"/>
      <c r="CC5" s="29"/>
      <c r="CD5" s="34"/>
      <c r="CE5" s="33"/>
      <c r="CF5" s="29"/>
      <c r="CG5" s="29"/>
      <c r="CH5" s="34"/>
      <c r="CI5" s="33"/>
      <c r="CJ5" s="29"/>
      <c r="CK5" s="29"/>
      <c r="CL5" s="34"/>
      <c r="CM5" s="33"/>
      <c r="CN5" s="29"/>
      <c r="CO5" s="29"/>
      <c r="CP5" s="34"/>
      <c r="CQ5" s="33"/>
      <c r="CR5" s="29"/>
      <c r="CS5" s="29"/>
      <c r="CT5" s="34"/>
      <c r="CU5" s="33"/>
      <c r="CV5" s="29"/>
      <c r="CW5" s="29"/>
      <c r="CX5" s="34"/>
      <c r="CY5" s="33"/>
      <c r="CZ5" s="29"/>
      <c r="DA5" s="29"/>
      <c r="DB5" s="34"/>
      <c r="DC5" s="33"/>
      <c r="DD5" s="29"/>
      <c r="DE5" s="29"/>
      <c r="DF5" s="34"/>
      <c r="DG5" s="33"/>
      <c r="DH5" s="29"/>
      <c r="DI5" s="29"/>
      <c r="DJ5" s="31"/>
      <c r="DK5" s="33"/>
      <c r="DL5" s="29"/>
      <c r="DM5" s="29"/>
      <c r="DN5" s="31"/>
      <c r="DO5" s="33"/>
      <c r="DP5" s="29"/>
      <c r="DQ5" s="29"/>
      <c r="DR5" s="31"/>
      <c r="DS5" s="33"/>
      <c r="DT5" s="29"/>
      <c r="DU5" s="29"/>
      <c r="DV5" s="31"/>
      <c r="DW5" s="33"/>
      <c r="DX5" s="29"/>
      <c r="DY5" s="29"/>
      <c r="DZ5" s="31"/>
      <c r="EA5" s="33"/>
      <c r="EB5" s="29"/>
      <c r="EC5" s="29"/>
      <c r="ED5" s="31"/>
      <c r="EE5" s="33"/>
      <c r="EF5" s="29"/>
      <c r="EG5" s="29"/>
      <c r="EH5" s="31"/>
      <c r="EI5" s="33"/>
      <c r="EJ5" s="29"/>
      <c r="EK5" s="29"/>
      <c r="EL5" s="31"/>
      <c r="EM5" s="33"/>
      <c r="EN5" s="29"/>
      <c r="EO5" s="29"/>
      <c r="EP5" s="31"/>
      <c r="EQ5" s="33"/>
      <c r="ER5" s="61"/>
      <c r="ES5" s="62"/>
      <c r="ET5" s="62"/>
      <c r="EU5" s="62"/>
      <c r="EV5" s="62"/>
      <c r="EW5" s="62"/>
      <c r="EX5" s="63"/>
      <c r="EY5" s="64"/>
      <c r="EZ5" s="65"/>
      <c r="FA5" s="65"/>
      <c r="FB5" s="65"/>
      <c r="FC5" s="65"/>
      <c r="FD5" s="65"/>
      <c r="FE5" s="66"/>
      <c r="FF5" s="70"/>
      <c r="FG5" s="71"/>
      <c r="FH5" s="71"/>
      <c r="FI5" s="71"/>
      <c r="FJ5" s="71"/>
      <c r="FK5" s="71"/>
      <c r="FL5" s="72"/>
      <c r="FM5" s="70"/>
      <c r="FN5" s="71"/>
      <c r="FO5" s="71"/>
      <c r="FP5" s="72"/>
      <c r="FQ5" s="70"/>
      <c r="FR5" s="71"/>
      <c r="FS5" s="71"/>
      <c r="FT5" s="72"/>
      <c r="FU5" s="70"/>
      <c r="FV5" s="71"/>
      <c r="FW5" s="71"/>
      <c r="FX5" s="72"/>
    </row>
    <row r="6" spans="1:180" ht="41.25" customHeight="1" x14ac:dyDescent="0.25">
      <c r="A6" s="45"/>
      <c r="B6" s="47"/>
      <c r="C6" s="45"/>
      <c r="D6" s="45"/>
      <c r="E6" s="40"/>
      <c r="F6" s="33"/>
      <c r="G6" s="33"/>
      <c r="H6" s="40"/>
      <c r="I6" s="33"/>
      <c r="J6" s="33"/>
      <c r="K6" s="40"/>
      <c r="L6" s="33"/>
      <c r="M6" s="33"/>
      <c r="N6" s="40"/>
      <c r="O6" s="33"/>
      <c r="P6" s="33"/>
      <c r="Q6" s="40"/>
      <c r="R6" s="33"/>
      <c r="S6" s="33"/>
      <c r="T6" s="40"/>
      <c r="U6" s="33"/>
      <c r="V6" s="33"/>
      <c r="W6" s="40"/>
      <c r="X6" s="33"/>
      <c r="Y6" s="33"/>
      <c r="Z6" s="40"/>
      <c r="AA6" s="33"/>
      <c r="AB6" s="33"/>
      <c r="AC6" s="40"/>
      <c r="AD6" s="33"/>
      <c r="AE6" s="33"/>
      <c r="AF6" s="42"/>
      <c r="AG6" s="43"/>
      <c r="AH6" s="33"/>
      <c r="AI6" s="40"/>
      <c r="AJ6" s="33"/>
      <c r="AK6" s="33"/>
      <c r="AL6" s="40"/>
      <c r="AM6" s="33"/>
      <c r="AN6" s="33"/>
      <c r="AO6" s="40"/>
      <c r="AP6" s="33"/>
      <c r="AQ6" s="33"/>
      <c r="AR6" s="40"/>
      <c r="AS6" s="33"/>
      <c r="AT6" s="33"/>
      <c r="AU6" s="40"/>
      <c r="AV6" s="33"/>
      <c r="AW6" s="33"/>
      <c r="AX6" s="40"/>
      <c r="AY6" s="33"/>
      <c r="AZ6" s="33"/>
      <c r="BA6" s="40"/>
      <c r="BB6" s="33"/>
      <c r="BC6" s="33"/>
      <c r="BD6" s="29"/>
      <c r="BE6" s="29"/>
      <c r="BF6" s="34"/>
      <c r="BG6" s="33"/>
      <c r="BH6" s="29"/>
      <c r="BI6" s="29"/>
      <c r="BJ6" s="34"/>
      <c r="BK6" s="33"/>
      <c r="BL6" s="29"/>
      <c r="BM6" s="29"/>
      <c r="BN6" s="34"/>
      <c r="BO6" s="33"/>
      <c r="BP6" s="29"/>
      <c r="BQ6" s="29"/>
      <c r="BR6" s="34"/>
      <c r="BS6" s="33"/>
      <c r="BT6" s="29"/>
      <c r="BU6" s="29"/>
      <c r="BV6" s="34"/>
      <c r="BW6" s="33"/>
      <c r="BX6" s="29"/>
      <c r="BY6" s="29"/>
      <c r="BZ6" s="34"/>
      <c r="CA6" s="33"/>
      <c r="CB6" s="29"/>
      <c r="CC6" s="29"/>
      <c r="CD6" s="34"/>
      <c r="CE6" s="33"/>
      <c r="CF6" s="29"/>
      <c r="CG6" s="29"/>
      <c r="CH6" s="34"/>
      <c r="CI6" s="33"/>
      <c r="CJ6" s="29"/>
      <c r="CK6" s="29"/>
      <c r="CL6" s="34"/>
      <c r="CM6" s="33"/>
      <c r="CN6" s="29"/>
      <c r="CO6" s="29"/>
      <c r="CP6" s="34"/>
      <c r="CQ6" s="33"/>
      <c r="CR6" s="29"/>
      <c r="CS6" s="29"/>
      <c r="CT6" s="34"/>
      <c r="CU6" s="33"/>
      <c r="CV6" s="29"/>
      <c r="CW6" s="29"/>
      <c r="CX6" s="34"/>
      <c r="CY6" s="33"/>
      <c r="CZ6" s="29"/>
      <c r="DA6" s="29"/>
      <c r="DB6" s="34"/>
      <c r="DC6" s="33"/>
      <c r="DD6" s="29"/>
      <c r="DE6" s="29"/>
      <c r="DF6" s="34"/>
      <c r="DG6" s="33"/>
      <c r="DH6" s="29"/>
      <c r="DI6" s="29"/>
      <c r="DJ6" s="31"/>
      <c r="DK6" s="33"/>
      <c r="DL6" s="29"/>
      <c r="DM6" s="29"/>
      <c r="DN6" s="31"/>
      <c r="DO6" s="33"/>
      <c r="DP6" s="29"/>
      <c r="DQ6" s="29"/>
      <c r="DR6" s="31"/>
      <c r="DS6" s="33"/>
      <c r="DT6" s="29"/>
      <c r="DU6" s="29"/>
      <c r="DV6" s="31"/>
      <c r="DW6" s="33"/>
      <c r="DX6" s="29"/>
      <c r="DY6" s="29"/>
      <c r="DZ6" s="31"/>
      <c r="EA6" s="33"/>
      <c r="EB6" s="29"/>
      <c r="EC6" s="29"/>
      <c r="ED6" s="31"/>
      <c r="EE6" s="33"/>
      <c r="EF6" s="29"/>
      <c r="EG6" s="29"/>
      <c r="EH6" s="31"/>
      <c r="EI6" s="33"/>
      <c r="EJ6" s="29"/>
      <c r="EK6" s="29"/>
      <c r="EL6" s="31"/>
      <c r="EM6" s="33"/>
      <c r="EN6" s="29"/>
      <c r="EO6" s="29"/>
      <c r="EP6" s="31"/>
      <c r="EQ6" s="33"/>
      <c r="ER6" s="26" t="s">
        <v>69</v>
      </c>
      <c r="ES6" s="26" t="s">
        <v>70</v>
      </c>
      <c r="ET6" s="26" t="s">
        <v>71</v>
      </c>
      <c r="EU6" s="26" t="s">
        <v>72</v>
      </c>
      <c r="EV6" s="26" t="s">
        <v>73</v>
      </c>
      <c r="EW6" s="26" t="s">
        <v>74</v>
      </c>
      <c r="EX6" s="26" t="s">
        <v>75</v>
      </c>
      <c r="EY6" s="26" t="s">
        <v>69</v>
      </c>
      <c r="EZ6" s="26" t="s">
        <v>70</v>
      </c>
      <c r="FA6" s="26" t="s">
        <v>71</v>
      </c>
      <c r="FB6" s="26" t="s">
        <v>72</v>
      </c>
      <c r="FC6" s="26" t="s">
        <v>73</v>
      </c>
      <c r="FD6" s="26" t="s">
        <v>74</v>
      </c>
      <c r="FE6" s="26" t="s">
        <v>75</v>
      </c>
      <c r="FF6" s="26" t="s">
        <v>69</v>
      </c>
      <c r="FG6" s="26" t="s">
        <v>70</v>
      </c>
      <c r="FH6" s="26" t="s">
        <v>71</v>
      </c>
      <c r="FI6" s="26" t="s">
        <v>72</v>
      </c>
      <c r="FJ6" s="26" t="s">
        <v>73</v>
      </c>
      <c r="FK6" s="26" t="s">
        <v>74</v>
      </c>
      <c r="FL6" s="26" t="s">
        <v>75</v>
      </c>
      <c r="FM6" s="27" t="s">
        <v>69</v>
      </c>
      <c r="FN6" s="27" t="s">
        <v>70</v>
      </c>
      <c r="FO6" s="27" t="s">
        <v>71</v>
      </c>
      <c r="FP6" s="27" t="s">
        <v>72</v>
      </c>
      <c r="FQ6" s="27" t="s">
        <v>69</v>
      </c>
      <c r="FR6" s="27" t="s">
        <v>70</v>
      </c>
      <c r="FS6" s="27" t="s">
        <v>71</v>
      </c>
      <c r="FT6" s="27" t="s">
        <v>72</v>
      </c>
      <c r="FU6" s="27" t="s">
        <v>69</v>
      </c>
      <c r="FV6" s="27" t="s">
        <v>70</v>
      </c>
      <c r="FW6" s="27" t="s">
        <v>71</v>
      </c>
      <c r="FX6" s="27" t="s">
        <v>72</v>
      </c>
    </row>
    <row r="7" spans="1:180" ht="267" customHeight="1" x14ac:dyDescent="0.25">
      <c r="A7" s="45"/>
      <c r="B7" s="47"/>
      <c r="C7" s="45"/>
      <c r="D7" s="45"/>
      <c r="E7" s="10" t="s">
        <v>56</v>
      </c>
      <c r="F7" s="41"/>
      <c r="G7" s="33"/>
      <c r="H7" s="10" t="s">
        <v>56</v>
      </c>
      <c r="I7" s="41"/>
      <c r="J7" s="33"/>
      <c r="K7" s="10" t="s">
        <v>56</v>
      </c>
      <c r="L7" s="41"/>
      <c r="M7" s="33"/>
      <c r="N7" s="10" t="s">
        <v>56</v>
      </c>
      <c r="O7" s="41"/>
      <c r="P7" s="41"/>
      <c r="Q7" s="10" t="s">
        <v>56</v>
      </c>
      <c r="R7" s="41"/>
      <c r="S7" s="41"/>
      <c r="T7" s="10" t="s">
        <v>56</v>
      </c>
      <c r="U7" s="41"/>
      <c r="V7" s="41"/>
      <c r="W7" s="10" t="s">
        <v>56</v>
      </c>
      <c r="X7" s="41"/>
      <c r="Y7" s="41"/>
      <c r="Z7" s="10" t="s">
        <v>56</v>
      </c>
      <c r="AA7" s="41"/>
      <c r="AB7" s="41"/>
      <c r="AC7" s="10" t="s">
        <v>56</v>
      </c>
      <c r="AD7" s="41"/>
      <c r="AE7" s="41"/>
      <c r="AF7" s="10" t="s">
        <v>56</v>
      </c>
      <c r="AG7" s="44"/>
      <c r="AH7" s="41"/>
      <c r="AI7" s="10" t="s">
        <v>56</v>
      </c>
      <c r="AJ7" s="41"/>
      <c r="AK7" s="33"/>
      <c r="AL7" s="10" t="s">
        <v>56</v>
      </c>
      <c r="AM7" s="41"/>
      <c r="AN7" s="33"/>
      <c r="AO7" s="10" t="s">
        <v>56</v>
      </c>
      <c r="AP7" s="41"/>
      <c r="AQ7" s="33"/>
      <c r="AR7" s="10" t="s">
        <v>56</v>
      </c>
      <c r="AS7" s="41"/>
      <c r="AT7" s="33"/>
      <c r="AU7" s="10" t="s">
        <v>56</v>
      </c>
      <c r="AV7" s="41"/>
      <c r="AW7" s="33"/>
      <c r="AX7" s="10" t="s">
        <v>56</v>
      </c>
      <c r="AY7" s="41"/>
      <c r="AZ7" s="33"/>
      <c r="BA7" s="10" t="s">
        <v>56</v>
      </c>
      <c r="BB7" s="41"/>
      <c r="BC7" s="33"/>
      <c r="BD7" s="30"/>
      <c r="BE7" s="30"/>
      <c r="BF7" s="35"/>
      <c r="BG7" s="33"/>
      <c r="BH7" s="30"/>
      <c r="BI7" s="30"/>
      <c r="BJ7" s="35"/>
      <c r="BK7" s="33"/>
      <c r="BL7" s="30"/>
      <c r="BM7" s="30"/>
      <c r="BN7" s="35"/>
      <c r="BO7" s="33"/>
      <c r="BP7" s="30"/>
      <c r="BQ7" s="30"/>
      <c r="BR7" s="35"/>
      <c r="BS7" s="33"/>
      <c r="BT7" s="30"/>
      <c r="BU7" s="30"/>
      <c r="BV7" s="35"/>
      <c r="BW7" s="33"/>
      <c r="BX7" s="30"/>
      <c r="BY7" s="30"/>
      <c r="BZ7" s="35"/>
      <c r="CA7" s="33"/>
      <c r="CB7" s="30"/>
      <c r="CC7" s="30"/>
      <c r="CD7" s="35"/>
      <c r="CE7" s="33"/>
      <c r="CF7" s="30"/>
      <c r="CG7" s="30"/>
      <c r="CH7" s="35"/>
      <c r="CI7" s="33"/>
      <c r="CJ7" s="30"/>
      <c r="CK7" s="30"/>
      <c r="CL7" s="35"/>
      <c r="CM7" s="33"/>
      <c r="CN7" s="30"/>
      <c r="CO7" s="30"/>
      <c r="CP7" s="35"/>
      <c r="CQ7" s="33"/>
      <c r="CR7" s="30"/>
      <c r="CS7" s="30"/>
      <c r="CT7" s="35"/>
      <c r="CU7" s="33"/>
      <c r="CV7" s="30"/>
      <c r="CW7" s="30"/>
      <c r="CX7" s="35"/>
      <c r="CY7" s="33"/>
      <c r="CZ7" s="30"/>
      <c r="DA7" s="30"/>
      <c r="DB7" s="35"/>
      <c r="DC7" s="33"/>
      <c r="DD7" s="30"/>
      <c r="DE7" s="30"/>
      <c r="DF7" s="35"/>
      <c r="DG7" s="33"/>
      <c r="DH7" s="30"/>
      <c r="DI7" s="30"/>
      <c r="DJ7" s="32"/>
      <c r="DK7" s="33"/>
      <c r="DL7" s="30"/>
      <c r="DM7" s="30"/>
      <c r="DN7" s="32"/>
      <c r="DO7" s="33"/>
      <c r="DP7" s="30"/>
      <c r="DQ7" s="30"/>
      <c r="DR7" s="32"/>
      <c r="DS7" s="33"/>
      <c r="DT7" s="30"/>
      <c r="DU7" s="30"/>
      <c r="DV7" s="32"/>
      <c r="DW7" s="33"/>
      <c r="DX7" s="30"/>
      <c r="DY7" s="30"/>
      <c r="DZ7" s="32"/>
      <c r="EA7" s="33"/>
      <c r="EB7" s="30"/>
      <c r="EC7" s="30"/>
      <c r="ED7" s="32"/>
      <c r="EE7" s="33"/>
      <c r="EF7" s="30"/>
      <c r="EG7" s="30"/>
      <c r="EH7" s="32"/>
      <c r="EI7" s="33"/>
      <c r="EJ7" s="30"/>
      <c r="EK7" s="30"/>
      <c r="EL7" s="32"/>
      <c r="EM7" s="33"/>
      <c r="EN7" s="30"/>
      <c r="EO7" s="30"/>
      <c r="EP7" s="32"/>
      <c r="EQ7" s="33"/>
      <c r="ER7" s="28" t="s">
        <v>76</v>
      </c>
      <c r="ES7" s="28" t="s">
        <v>77</v>
      </c>
      <c r="ET7" s="28" t="s">
        <v>78</v>
      </c>
      <c r="EU7" s="28" t="s">
        <v>79</v>
      </c>
      <c r="EV7" s="28" t="s">
        <v>80</v>
      </c>
      <c r="EW7" s="28" t="s">
        <v>81</v>
      </c>
      <c r="EX7" s="73" t="s">
        <v>82</v>
      </c>
      <c r="EY7" s="28" t="s">
        <v>76</v>
      </c>
      <c r="EZ7" s="28" t="s">
        <v>77</v>
      </c>
      <c r="FA7" s="28" t="s">
        <v>78</v>
      </c>
      <c r="FB7" s="28" t="s">
        <v>79</v>
      </c>
      <c r="FC7" s="28" t="s">
        <v>80</v>
      </c>
      <c r="FD7" s="28" t="s">
        <v>81</v>
      </c>
      <c r="FE7" s="73" t="s">
        <v>82</v>
      </c>
      <c r="FF7" s="28" t="s">
        <v>76</v>
      </c>
      <c r="FG7" s="28" t="s">
        <v>77</v>
      </c>
      <c r="FH7" s="28" t="s">
        <v>78</v>
      </c>
      <c r="FI7" s="28" t="s">
        <v>79</v>
      </c>
      <c r="FJ7" s="28" t="s">
        <v>80</v>
      </c>
      <c r="FK7" s="28" t="s">
        <v>81</v>
      </c>
      <c r="FL7" s="73" t="s">
        <v>82</v>
      </c>
      <c r="FM7" s="28" t="s">
        <v>83</v>
      </c>
      <c r="FN7" s="28" t="s">
        <v>84</v>
      </c>
      <c r="FO7" s="28" t="s">
        <v>85</v>
      </c>
      <c r="FP7" s="73" t="s">
        <v>86</v>
      </c>
      <c r="FQ7" s="28" t="s">
        <v>83</v>
      </c>
      <c r="FR7" s="28" t="s">
        <v>84</v>
      </c>
      <c r="FS7" s="28" t="s">
        <v>85</v>
      </c>
      <c r="FT7" s="73" t="s">
        <v>86</v>
      </c>
      <c r="FU7" s="28" t="s">
        <v>83</v>
      </c>
      <c r="FV7" s="28" t="s">
        <v>84</v>
      </c>
      <c r="FW7" s="28" t="s">
        <v>85</v>
      </c>
      <c r="FX7" s="73" t="s">
        <v>86</v>
      </c>
    </row>
    <row r="8" spans="1:180" ht="21" customHeight="1" x14ac:dyDescent="0.25">
      <c r="A8" s="45"/>
      <c r="B8" s="47"/>
      <c r="C8" s="45"/>
      <c r="D8" s="45"/>
      <c r="E8" s="19"/>
      <c r="F8" s="20"/>
      <c r="G8" s="33"/>
      <c r="H8" s="19"/>
      <c r="I8" s="20"/>
      <c r="J8" s="33"/>
      <c r="K8" s="19"/>
      <c r="L8" s="20"/>
      <c r="M8" s="33"/>
      <c r="N8" s="19"/>
      <c r="O8" s="20"/>
      <c r="P8" s="20"/>
      <c r="Q8" s="19"/>
      <c r="R8" s="20"/>
      <c r="S8" s="20"/>
      <c r="T8" s="19"/>
      <c r="U8" s="20"/>
      <c r="V8" s="20"/>
      <c r="W8" s="19"/>
      <c r="X8" s="20"/>
      <c r="Y8" s="20"/>
      <c r="Z8" s="19"/>
      <c r="AA8" s="20"/>
      <c r="AB8" s="20"/>
      <c r="AC8" s="19"/>
      <c r="AD8" s="20"/>
      <c r="AE8" s="20"/>
      <c r="AF8" s="21"/>
      <c r="AG8" s="22"/>
      <c r="AH8" s="20"/>
      <c r="AI8" s="19"/>
      <c r="AJ8" s="20"/>
      <c r="AK8" s="33"/>
      <c r="AL8" s="19"/>
      <c r="AM8" s="20"/>
      <c r="AN8" s="33"/>
      <c r="AO8" s="19"/>
      <c r="AP8" s="20"/>
      <c r="AQ8" s="33"/>
      <c r="AR8" s="19"/>
      <c r="AS8" s="20"/>
      <c r="AT8" s="33"/>
      <c r="AU8" s="19"/>
      <c r="AV8" s="20"/>
      <c r="AW8" s="33"/>
      <c r="AX8" s="19"/>
      <c r="AY8" s="20"/>
      <c r="AZ8" s="33"/>
      <c r="BA8" s="19"/>
      <c r="BB8" s="20"/>
      <c r="BC8" s="33"/>
      <c r="BD8" s="23"/>
      <c r="BE8" s="23"/>
      <c r="BF8" s="24"/>
      <c r="BG8" s="33"/>
      <c r="BH8" s="23"/>
      <c r="BI8" s="23"/>
      <c r="BJ8" s="24"/>
      <c r="BK8" s="33"/>
      <c r="BL8" s="23"/>
      <c r="BM8" s="23"/>
      <c r="BN8" s="24"/>
      <c r="BO8" s="33"/>
      <c r="BP8" s="23"/>
      <c r="BQ8" s="23"/>
      <c r="BR8" s="24"/>
      <c r="BS8" s="33"/>
      <c r="BT8" s="23"/>
      <c r="BU8" s="23"/>
      <c r="BV8" s="24"/>
      <c r="BW8" s="33"/>
      <c r="BX8" s="23"/>
      <c r="BY8" s="23"/>
      <c r="BZ8" s="24"/>
      <c r="CA8" s="33"/>
      <c r="CB8" s="23"/>
      <c r="CC8" s="23"/>
      <c r="CD8" s="24"/>
      <c r="CE8" s="33"/>
      <c r="CF8" s="23"/>
      <c r="CG8" s="23"/>
      <c r="CH8" s="24"/>
      <c r="CI8" s="33"/>
      <c r="CJ8" s="23"/>
      <c r="CK8" s="23"/>
      <c r="CL8" s="24"/>
      <c r="CM8" s="33"/>
      <c r="CN8" s="23"/>
      <c r="CO8" s="23"/>
      <c r="CP8" s="24"/>
      <c r="CQ8" s="33"/>
      <c r="CR8" s="23"/>
      <c r="CS8" s="23"/>
      <c r="CT8" s="24"/>
      <c r="CU8" s="33"/>
      <c r="CV8" s="23"/>
      <c r="CW8" s="23"/>
      <c r="CX8" s="24"/>
      <c r="CY8" s="33"/>
      <c r="CZ8" s="23"/>
      <c r="DA8" s="23"/>
      <c r="DB8" s="24"/>
      <c r="DC8" s="33"/>
      <c r="DD8" s="23"/>
      <c r="DE8" s="23"/>
      <c r="DF8" s="24"/>
      <c r="DG8" s="33"/>
      <c r="DH8" s="23"/>
      <c r="DI8" s="23"/>
      <c r="DJ8" s="25"/>
      <c r="DK8" s="33"/>
      <c r="DL8" s="23"/>
      <c r="DM8" s="23"/>
      <c r="DN8" s="25"/>
      <c r="DO8" s="33"/>
      <c r="DP8" s="23"/>
      <c r="DQ8" s="23"/>
      <c r="DR8" s="25"/>
      <c r="DS8" s="33"/>
      <c r="DT8" s="23"/>
      <c r="DU8" s="23"/>
      <c r="DV8" s="25"/>
      <c r="DW8" s="33"/>
      <c r="DX8" s="23"/>
      <c r="DY8" s="23"/>
      <c r="DZ8" s="25"/>
      <c r="EA8" s="33"/>
      <c r="EB8" s="23"/>
      <c r="EC8" s="23"/>
      <c r="ED8" s="25"/>
      <c r="EE8" s="33"/>
      <c r="EF8" s="23"/>
      <c r="EG8" s="23"/>
      <c r="EH8" s="25"/>
      <c r="EI8" s="33"/>
      <c r="EJ8" s="23"/>
      <c r="EK8" s="23"/>
      <c r="EL8" s="25"/>
      <c r="EM8" s="33"/>
      <c r="EN8" s="23"/>
      <c r="EO8" s="23"/>
      <c r="EP8" s="25"/>
      <c r="EQ8" s="33"/>
      <c r="ER8" s="28"/>
      <c r="ES8" s="28"/>
      <c r="ET8" s="28"/>
      <c r="EU8" s="28"/>
      <c r="EV8" s="28"/>
      <c r="EW8" s="28"/>
      <c r="EX8" s="74"/>
      <c r="EY8" s="28"/>
      <c r="EZ8" s="28"/>
      <c r="FA8" s="28"/>
      <c r="FB8" s="28"/>
      <c r="FC8" s="28"/>
      <c r="FD8" s="28"/>
      <c r="FE8" s="74"/>
      <c r="FF8" s="28"/>
      <c r="FG8" s="28"/>
      <c r="FH8" s="28"/>
      <c r="FI8" s="28"/>
      <c r="FJ8" s="28"/>
      <c r="FK8" s="28"/>
      <c r="FL8" s="74"/>
      <c r="FM8" s="28"/>
      <c r="FN8" s="28"/>
      <c r="FO8" s="28"/>
      <c r="FP8" s="74"/>
      <c r="FQ8" s="28"/>
      <c r="FR8" s="28"/>
      <c r="FS8" s="28"/>
      <c r="FT8" s="74"/>
      <c r="FU8" s="28"/>
      <c r="FV8" s="28"/>
      <c r="FW8" s="28"/>
      <c r="FX8" s="74"/>
    </row>
    <row r="9" spans="1:180" ht="40.5" x14ac:dyDescent="0.25">
      <c r="A9" s="11" t="s">
        <v>7</v>
      </c>
      <c r="B9" s="11" t="s">
        <v>6</v>
      </c>
      <c r="C9" s="11" t="s">
        <v>8</v>
      </c>
      <c r="D9" s="11" t="s">
        <v>5</v>
      </c>
      <c r="E9" s="11" t="s">
        <v>0</v>
      </c>
      <c r="F9" s="11"/>
      <c r="G9" s="11" t="s">
        <v>3</v>
      </c>
      <c r="H9" s="11" t="s">
        <v>0</v>
      </c>
      <c r="I9" s="11"/>
      <c r="J9" s="11" t="s">
        <v>3</v>
      </c>
      <c r="K9" s="11"/>
      <c r="L9" s="11"/>
      <c r="M9" s="11"/>
      <c r="N9" s="11" t="s">
        <v>0</v>
      </c>
      <c r="O9" s="11"/>
      <c r="P9" s="11" t="s">
        <v>3</v>
      </c>
      <c r="Q9" s="11"/>
      <c r="R9" s="11" t="s">
        <v>0</v>
      </c>
      <c r="S9" s="11"/>
      <c r="T9" s="11" t="s">
        <v>0</v>
      </c>
      <c r="U9" s="11"/>
      <c r="V9" s="11" t="s">
        <v>4</v>
      </c>
      <c r="W9" s="11" t="s">
        <v>0</v>
      </c>
      <c r="X9" s="11"/>
      <c r="Y9" s="11" t="s">
        <v>1</v>
      </c>
      <c r="Z9" s="11"/>
      <c r="AA9" s="11" t="s">
        <v>0</v>
      </c>
      <c r="AB9" s="11"/>
      <c r="AC9" s="11" t="s">
        <v>0</v>
      </c>
      <c r="AD9" s="11"/>
      <c r="AE9" s="11" t="s">
        <v>3</v>
      </c>
      <c r="AF9" s="11" t="s">
        <v>0</v>
      </c>
      <c r="AG9" s="11"/>
      <c r="AH9" s="11" t="s">
        <v>3</v>
      </c>
      <c r="AI9" s="11" t="s">
        <v>0</v>
      </c>
      <c r="AJ9" s="11"/>
      <c r="AK9" s="11" t="s">
        <v>3</v>
      </c>
      <c r="AL9" s="11" t="s">
        <v>0</v>
      </c>
      <c r="AM9" s="11"/>
      <c r="AN9" s="11" t="s">
        <v>3</v>
      </c>
      <c r="AO9" s="11" t="s">
        <v>0</v>
      </c>
      <c r="AP9" s="11"/>
      <c r="AQ9" s="11" t="s">
        <v>3</v>
      </c>
      <c r="AR9" s="11" t="s">
        <v>0</v>
      </c>
      <c r="AS9" s="11"/>
      <c r="AT9" s="11" t="s">
        <v>3</v>
      </c>
      <c r="AU9" s="11" t="s">
        <v>0</v>
      </c>
      <c r="AV9" s="11"/>
      <c r="AW9" s="11" t="s">
        <v>3</v>
      </c>
      <c r="AX9" s="11" t="s">
        <v>0</v>
      </c>
      <c r="AY9" s="11"/>
      <c r="AZ9" s="11" t="s">
        <v>3</v>
      </c>
      <c r="BA9" s="11" t="s">
        <v>0</v>
      </c>
      <c r="BB9" s="11"/>
      <c r="BC9" s="11" t="s">
        <v>3</v>
      </c>
      <c r="BD9" s="11">
        <v>0</v>
      </c>
      <c r="BE9" s="11">
        <v>0</v>
      </c>
      <c r="BF9" s="13" t="s">
        <v>2</v>
      </c>
      <c r="BG9" s="11"/>
      <c r="BH9" s="11">
        <v>2</v>
      </c>
      <c r="BI9" s="11">
        <v>0</v>
      </c>
      <c r="BJ9" s="13">
        <v>0</v>
      </c>
      <c r="BK9" s="11"/>
      <c r="BL9" s="11">
        <v>0</v>
      </c>
      <c r="BM9" s="11">
        <v>0</v>
      </c>
      <c r="BN9" s="13" t="s">
        <v>2</v>
      </c>
      <c r="BO9" s="11"/>
      <c r="BP9" s="11">
        <v>0</v>
      </c>
      <c r="BQ9" s="11">
        <v>0</v>
      </c>
      <c r="BR9" s="13" t="s">
        <v>2</v>
      </c>
      <c r="BS9" s="11"/>
      <c r="BT9" s="11">
        <v>0</v>
      </c>
      <c r="BU9" s="11">
        <v>0</v>
      </c>
      <c r="BV9" s="13" t="s">
        <v>2</v>
      </c>
      <c r="BW9" s="11"/>
      <c r="BX9" s="11">
        <v>0</v>
      </c>
      <c r="BY9" s="11">
        <v>0</v>
      </c>
      <c r="BZ9" s="13" t="s">
        <v>2</v>
      </c>
      <c r="CA9" s="11"/>
      <c r="CB9" s="11">
        <v>0</v>
      </c>
      <c r="CC9" s="11">
        <v>0</v>
      </c>
      <c r="CD9" s="13" t="s">
        <v>2</v>
      </c>
      <c r="CE9" s="11"/>
      <c r="CF9" s="11">
        <v>0</v>
      </c>
      <c r="CG9" s="11">
        <v>0</v>
      </c>
      <c r="CH9" s="13" t="s">
        <v>2</v>
      </c>
      <c r="CI9" s="11"/>
      <c r="CJ9" s="11">
        <v>0</v>
      </c>
      <c r="CK9" s="11">
        <v>0</v>
      </c>
      <c r="CL9" s="13" t="s">
        <v>2</v>
      </c>
      <c r="CM9" s="11"/>
      <c r="CN9" s="11">
        <v>0</v>
      </c>
      <c r="CO9" s="11">
        <v>0</v>
      </c>
      <c r="CP9" s="13" t="s">
        <v>2</v>
      </c>
      <c r="CQ9" s="11"/>
      <c r="CR9" s="11">
        <v>0</v>
      </c>
      <c r="CS9" s="11">
        <v>0</v>
      </c>
      <c r="CT9" s="13" t="s">
        <v>2</v>
      </c>
      <c r="CU9" s="11"/>
      <c r="CV9" s="11">
        <v>1</v>
      </c>
      <c r="CW9" s="11">
        <v>0</v>
      </c>
      <c r="CX9" s="13">
        <v>0</v>
      </c>
      <c r="CY9" s="11"/>
      <c r="CZ9" s="11">
        <v>0</v>
      </c>
      <c r="DA9" s="11">
        <v>0</v>
      </c>
      <c r="DB9" s="13" t="s">
        <v>2</v>
      </c>
      <c r="DC9" s="11"/>
      <c r="DD9" s="11">
        <v>0</v>
      </c>
      <c r="DE9" s="11">
        <v>0</v>
      </c>
      <c r="DF9" s="13" t="s">
        <v>2</v>
      </c>
      <c r="DG9" s="11"/>
      <c r="DH9" s="11">
        <v>1</v>
      </c>
      <c r="DI9" s="11">
        <v>1</v>
      </c>
      <c r="DJ9" s="2">
        <v>1</v>
      </c>
      <c r="DK9" s="11" t="s">
        <v>3</v>
      </c>
      <c r="DL9" s="11">
        <v>1</v>
      </c>
      <c r="DM9" s="11">
        <v>0</v>
      </c>
      <c r="DN9" s="2">
        <v>0</v>
      </c>
      <c r="DO9" s="11"/>
      <c r="DP9" s="11">
        <v>1</v>
      </c>
      <c r="DQ9" s="11">
        <v>0</v>
      </c>
      <c r="DR9" s="2">
        <v>0</v>
      </c>
      <c r="DS9" s="11"/>
      <c r="DT9" s="11">
        <v>0</v>
      </c>
      <c r="DU9" s="11">
        <v>0</v>
      </c>
      <c r="DV9" s="2" t="s">
        <v>2</v>
      </c>
      <c r="DW9" s="11"/>
      <c r="DX9" s="11">
        <v>0</v>
      </c>
      <c r="DY9" s="11">
        <v>0</v>
      </c>
      <c r="DZ9" s="2" t="s">
        <v>2</v>
      </c>
      <c r="EA9" s="11"/>
      <c r="EB9" s="11">
        <v>0</v>
      </c>
      <c r="EC9" s="11">
        <v>0</v>
      </c>
      <c r="ED9" s="2" t="s">
        <v>2</v>
      </c>
      <c r="EE9" s="11"/>
      <c r="EF9" s="11">
        <v>0</v>
      </c>
      <c r="EG9" s="11">
        <v>0</v>
      </c>
      <c r="EH9" s="2" t="s">
        <v>2</v>
      </c>
      <c r="EI9" s="11"/>
      <c r="EJ9" s="11">
        <v>2</v>
      </c>
      <c r="EK9" s="11">
        <v>1</v>
      </c>
      <c r="EL9" s="2">
        <v>0.5</v>
      </c>
      <c r="EM9" s="11" t="s">
        <v>3</v>
      </c>
      <c r="EN9" s="11">
        <v>18</v>
      </c>
      <c r="EO9" s="11">
        <v>18</v>
      </c>
      <c r="EP9" s="2">
        <v>1</v>
      </c>
      <c r="EQ9" s="11" t="s">
        <v>3</v>
      </c>
      <c r="ER9" s="17"/>
      <c r="ES9" s="17"/>
      <c r="ET9" s="17"/>
      <c r="EU9" s="17"/>
      <c r="EV9" s="17" t="s">
        <v>0</v>
      </c>
      <c r="EW9" s="17"/>
      <c r="EX9" s="17" t="s">
        <v>88</v>
      </c>
      <c r="EY9" s="17" t="s">
        <v>0</v>
      </c>
      <c r="EZ9" s="17"/>
      <c r="FA9" s="17"/>
      <c r="FB9" s="17"/>
      <c r="FC9" s="17"/>
      <c r="FD9" s="17"/>
      <c r="FE9" s="17"/>
      <c r="FF9" s="17" t="s">
        <v>0</v>
      </c>
      <c r="FG9" s="17"/>
      <c r="FH9" s="17"/>
      <c r="FI9" s="17"/>
      <c r="FJ9" s="17"/>
      <c r="FK9" s="17"/>
      <c r="FL9" s="17"/>
      <c r="FM9" s="17"/>
      <c r="FN9" s="17"/>
      <c r="FO9" s="17"/>
      <c r="FP9" s="17"/>
      <c r="FQ9" s="17" t="s">
        <v>0</v>
      </c>
      <c r="FR9" s="17"/>
      <c r="FS9" s="17"/>
      <c r="FT9" s="17"/>
      <c r="FU9" s="17"/>
      <c r="FV9" s="17"/>
      <c r="FW9" s="17" t="s">
        <v>0</v>
      </c>
      <c r="FX9" s="17" t="s">
        <v>87</v>
      </c>
    </row>
    <row r="11" spans="1:180" x14ac:dyDescent="0.25">
      <c r="BG11" s="14"/>
      <c r="BH11" s="14"/>
      <c r="BI11" s="14"/>
      <c r="BK11" s="14"/>
      <c r="BL11" s="14"/>
      <c r="BM11" s="14"/>
      <c r="BO11" s="14"/>
      <c r="BP11" s="14"/>
      <c r="BQ11" s="14"/>
      <c r="BS11" s="14"/>
      <c r="BT11" s="14"/>
      <c r="BU11" s="14"/>
      <c r="BW11" s="14"/>
      <c r="BX11" s="14"/>
      <c r="BY11" s="14"/>
      <c r="CA11" s="14"/>
      <c r="CB11" s="14"/>
      <c r="CC11" s="14"/>
      <c r="CE11" s="14"/>
      <c r="CF11" s="14"/>
      <c r="CG11" s="14"/>
      <c r="CI11" s="14"/>
      <c r="CJ11" s="14"/>
      <c r="CK11" s="14"/>
      <c r="CM11" s="14"/>
      <c r="CN11" s="14"/>
      <c r="CO11" s="14"/>
      <c r="CQ11" s="14"/>
      <c r="CR11" s="14"/>
      <c r="CS11" s="14"/>
      <c r="CU11" s="14"/>
      <c r="CV11" s="14"/>
      <c r="CW11" s="14"/>
      <c r="CY11" s="14"/>
      <c r="CZ11" s="14"/>
      <c r="DA11" s="14"/>
      <c r="DC11" s="14"/>
      <c r="DD11" s="14"/>
      <c r="DE11" s="14"/>
      <c r="DG11" s="14"/>
      <c r="DH11" s="14"/>
      <c r="DI11" s="14"/>
      <c r="DJ11" s="14"/>
      <c r="DK11" s="14"/>
      <c r="DL11" s="14"/>
      <c r="DM11" s="14"/>
      <c r="DN11" s="14"/>
      <c r="DO11" s="14"/>
      <c r="DP11" s="14"/>
      <c r="DQ11" s="14"/>
      <c r="DR11" s="14"/>
      <c r="DS11" s="14"/>
      <c r="DT11" s="14"/>
      <c r="DU11" s="14"/>
      <c r="DV11" s="14"/>
      <c r="DW11" s="14"/>
      <c r="DX11" s="14"/>
      <c r="DY11" s="14"/>
      <c r="DZ11" s="14"/>
      <c r="EA11" s="14"/>
      <c r="EB11" s="14"/>
      <c r="EC11" s="14"/>
      <c r="ED11" s="14"/>
      <c r="EE11" s="14"/>
      <c r="EF11" s="14"/>
      <c r="EG11" s="14"/>
      <c r="EH11" s="14"/>
      <c r="EI11" s="14"/>
      <c r="EJ11" s="14"/>
      <c r="EK11" s="14"/>
      <c r="EL11" s="14"/>
      <c r="EM11" s="14"/>
      <c r="EN11" s="14"/>
      <c r="EO11" s="14"/>
      <c r="EP11" s="14"/>
      <c r="EQ11" s="14"/>
    </row>
    <row r="12" spans="1:180" x14ac:dyDescent="0.25">
      <c r="BF12" s="9"/>
      <c r="BJ12" s="9"/>
      <c r="BN12" s="9"/>
      <c r="BR12" s="9"/>
      <c r="BV12" s="9"/>
      <c r="BZ12" s="9"/>
      <c r="CD12" s="9"/>
      <c r="CH12" s="9"/>
      <c r="CL12" s="9"/>
      <c r="CP12" s="9"/>
      <c r="CT12" s="9"/>
      <c r="CX12" s="9"/>
      <c r="DB12" s="9"/>
      <c r="DF12" s="9"/>
      <c r="DJ12" s="9"/>
      <c r="DN12" s="9"/>
      <c r="DR12" s="9"/>
      <c r="DV12" s="9"/>
      <c r="DZ12" s="9"/>
      <c r="ED12" s="9"/>
      <c r="EH12" s="9"/>
      <c r="EL12" s="9"/>
      <c r="EP12" s="9"/>
    </row>
    <row r="13" spans="1:180" x14ac:dyDescent="0.25">
      <c r="T13" s="14"/>
    </row>
    <row r="14" spans="1:180" s="3" customFormat="1" x14ac:dyDescent="0.25">
      <c r="ER14" s="18"/>
      <c r="ES14" s="18"/>
      <c r="ET14" s="18"/>
      <c r="EU14" s="18"/>
      <c r="EV14" s="18"/>
      <c r="EW14" s="18"/>
      <c r="EX14" s="18"/>
      <c r="EY14" s="18"/>
      <c r="EZ14" s="18"/>
      <c r="FA14" s="18"/>
      <c r="FB14" s="18"/>
      <c r="FC14" s="18"/>
      <c r="FD14" s="18"/>
      <c r="FE14" s="18"/>
      <c r="FF14" s="18"/>
      <c r="FG14" s="18"/>
      <c r="FH14" s="18"/>
      <c r="FI14" s="18"/>
      <c r="FJ14" s="18"/>
      <c r="FK14" s="18"/>
      <c r="FL14" s="18"/>
      <c r="FM14" s="18"/>
      <c r="FN14" s="18"/>
      <c r="FO14" s="18"/>
      <c r="FP14" s="18"/>
      <c r="FQ14" s="18"/>
      <c r="FR14" s="18"/>
      <c r="FS14" s="18"/>
      <c r="FT14" s="18"/>
      <c r="FU14" s="18"/>
      <c r="FV14" s="18"/>
      <c r="FW14" s="18"/>
      <c r="FX14" s="18"/>
    </row>
  </sheetData>
  <autoFilter ref="A8:FX9"/>
  <mergeCells count="204">
    <mergeCell ref="CV3:CY3"/>
    <mergeCell ref="P4:P7"/>
    <mergeCell ref="ER4:EX5"/>
    <mergeCell ref="EY4:FE5"/>
    <mergeCell ref="FF4:FL5"/>
    <mergeCell ref="FM4:FP5"/>
    <mergeCell ref="FQ4:FT5"/>
    <mergeCell ref="FU4:FX5"/>
    <mergeCell ref="FX7:FX8"/>
    <mergeCell ref="FT7:FT8"/>
    <mergeCell ref="FP7:FP8"/>
    <mergeCell ref="FL7:FL8"/>
    <mergeCell ref="FE7:FE8"/>
    <mergeCell ref="EX7:EX8"/>
    <mergeCell ref="DP3:DS3"/>
    <mergeCell ref="DT3:DW3"/>
    <mergeCell ref="DX3:EA3"/>
    <mergeCell ref="AJ4:AJ7"/>
    <mergeCell ref="AK4:AK8"/>
    <mergeCell ref="AL4:AL6"/>
    <mergeCell ref="AM4:AM7"/>
    <mergeCell ref="AN4:AN8"/>
    <mergeCell ref="AO4:AO6"/>
    <mergeCell ref="AQ4:AQ8"/>
    <mergeCell ref="L4:L7"/>
    <mergeCell ref="M4:M8"/>
    <mergeCell ref="X4:X7"/>
    <mergeCell ref="W4:W6"/>
    <mergeCell ref="Y4:Y7"/>
    <mergeCell ref="Z4:Z6"/>
    <mergeCell ref="AB4:AB7"/>
    <mergeCell ref="AA4:AA7"/>
    <mergeCell ref="U4:U7"/>
    <mergeCell ref="V4:V7"/>
    <mergeCell ref="R4:R7"/>
    <mergeCell ref="S4:S7"/>
    <mergeCell ref="AP4:AP7"/>
    <mergeCell ref="O4:O7"/>
    <mergeCell ref="CB3:CE3"/>
    <mergeCell ref="CF3:CI3"/>
    <mergeCell ref="CJ3:CM3"/>
    <mergeCell ref="EB3:EE3"/>
    <mergeCell ref="EF3:EI3"/>
    <mergeCell ref="EJ3:EM3"/>
    <mergeCell ref="EN3:EQ3"/>
    <mergeCell ref="BN4:BN7"/>
    <mergeCell ref="BO4:BO8"/>
    <mergeCell ref="BP4:BP7"/>
    <mergeCell ref="BQ4:BQ7"/>
    <mergeCell ref="BR4:BR7"/>
    <mergeCell ref="BS4:BS8"/>
    <mergeCell ref="BT4:BT7"/>
    <mergeCell ref="BU4:BU7"/>
    <mergeCell ref="BV4:BV7"/>
    <mergeCell ref="BW4:BW8"/>
    <mergeCell ref="BX4:BX7"/>
    <mergeCell ref="BY4:BY7"/>
    <mergeCell ref="BZ4:BZ7"/>
    <mergeCell ref="CA4:CA8"/>
    <mergeCell ref="CB4:CB7"/>
    <mergeCell ref="ER3:FL3"/>
    <mergeCell ref="E4:E6"/>
    <mergeCell ref="H4:H6"/>
    <mergeCell ref="K4:K6"/>
    <mergeCell ref="N4:N6"/>
    <mergeCell ref="Q4:Q6"/>
    <mergeCell ref="T4:T6"/>
    <mergeCell ref="F4:F7"/>
    <mergeCell ref="I4:I7"/>
    <mergeCell ref="J4:J8"/>
    <mergeCell ref="G4:G8"/>
    <mergeCell ref="CN3:CQ3"/>
    <mergeCell ref="CR3:CU3"/>
    <mergeCell ref="CZ3:DC3"/>
    <mergeCell ref="DD3:DG3"/>
    <mergeCell ref="DH3:DK3"/>
    <mergeCell ref="DL3:DO3"/>
    <mergeCell ref="BG4:BG8"/>
    <mergeCell ref="BH4:BH7"/>
    <mergeCell ref="BI4:BI7"/>
    <mergeCell ref="BJ4:BJ7"/>
    <mergeCell ref="BK4:BK8"/>
    <mergeCell ref="BL4:BL7"/>
    <mergeCell ref="BM4:BM7"/>
    <mergeCell ref="FM3:FX3"/>
    <mergeCell ref="E3:G3"/>
    <mergeCell ref="H3:J3"/>
    <mergeCell ref="K3:M3"/>
    <mergeCell ref="N3:P3"/>
    <mergeCell ref="Q3:S3"/>
    <mergeCell ref="T3:V3"/>
    <mergeCell ref="W3:Y3"/>
    <mergeCell ref="Z3:AB3"/>
    <mergeCell ref="AC3:AE3"/>
    <mergeCell ref="AF3:AH3"/>
    <mergeCell ref="AI3:AK3"/>
    <mergeCell ref="AL3:AN3"/>
    <mergeCell ref="AO3:AQ3"/>
    <mergeCell ref="AR3:AT3"/>
    <mergeCell ref="AU3:AW3"/>
    <mergeCell ref="AX3:AZ3"/>
    <mergeCell ref="BA3:BC3"/>
    <mergeCell ref="BD3:BG3"/>
    <mergeCell ref="BH3:BK3"/>
    <mergeCell ref="BL3:BO3"/>
    <mergeCell ref="BP3:BS3"/>
    <mergeCell ref="BT3:BW3"/>
    <mergeCell ref="BX3:CA3"/>
    <mergeCell ref="A2:A8"/>
    <mergeCell ref="B2:B8"/>
    <mergeCell ref="C2:C8"/>
    <mergeCell ref="D2:D8"/>
    <mergeCell ref="ER2:FX2"/>
    <mergeCell ref="E2:BC2"/>
    <mergeCell ref="BD2:EQ2"/>
    <mergeCell ref="AC4:AC6"/>
    <mergeCell ref="AD4:AD7"/>
    <mergeCell ref="AE4:AE7"/>
    <mergeCell ref="AF4:AF6"/>
    <mergeCell ref="AG4:AG7"/>
    <mergeCell ref="AH4:AH7"/>
    <mergeCell ref="AI4:AI6"/>
    <mergeCell ref="AR4:AR6"/>
    <mergeCell ref="AS4:AS7"/>
    <mergeCell ref="AT4:AT8"/>
    <mergeCell ref="AU4:AU6"/>
    <mergeCell ref="AV4:AV7"/>
    <mergeCell ref="AW4:AW8"/>
    <mergeCell ref="AX4:AX6"/>
    <mergeCell ref="AY4:AY7"/>
    <mergeCell ref="AZ4:AZ8"/>
    <mergeCell ref="BA4:BA6"/>
    <mergeCell ref="BB4:BB7"/>
    <mergeCell ref="BC4:BC8"/>
    <mergeCell ref="BD4:BD7"/>
    <mergeCell ref="BE4:BE7"/>
    <mergeCell ref="BF4:BF7"/>
    <mergeCell ref="CC4:CC7"/>
    <mergeCell ref="CD4:CD7"/>
    <mergeCell ref="CE4:CE8"/>
    <mergeCell ref="CF4:CF7"/>
    <mergeCell ref="CG4:CG7"/>
    <mergeCell ref="CH4:CH7"/>
    <mergeCell ref="CI4:CI8"/>
    <mergeCell ref="CJ4:CJ7"/>
    <mergeCell ref="CK4:CK7"/>
    <mergeCell ref="CL4:CL7"/>
    <mergeCell ref="CM4:CM8"/>
    <mergeCell ref="CN4:CN7"/>
    <mergeCell ref="CO4:CO7"/>
    <mergeCell ref="CP4:CP7"/>
    <mergeCell ref="CQ4:CQ8"/>
    <mergeCell ref="CR4:CR7"/>
    <mergeCell ref="CS4:CS7"/>
    <mergeCell ref="CT4:CT7"/>
    <mergeCell ref="CU4:CU8"/>
    <mergeCell ref="CV4:CV7"/>
    <mergeCell ref="CW4:CW7"/>
    <mergeCell ref="CX4:CX7"/>
    <mergeCell ref="CY4:CY8"/>
    <mergeCell ref="CZ4:CZ7"/>
    <mergeCell ref="DA4:DA7"/>
    <mergeCell ref="DB4:DB7"/>
    <mergeCell ref="DC4:DC8"/>
    <mergeCell ref="DD4:DD7"/>
    <mergeCell ref="DE4:DE7"/>
    <mergeCell ref="DF4:DF7"/>
    <mergeCell ref="DG4:DG8"/>
    <mergeCell ref="DH4:DH7"/>
    <mergeCell ref="DI4:DI7"/>
    <mergeCell ref="DJ4:DJ7"/>
    <mergeCell ref="DK4:DK8"/>
    <mergeCell ref="DL4:DL7"/>
    <mergeCell ref="DM4:DM7"/>
    <mergeCell ref="DN4:DN7"/>
    <mergeCell ref="DO4:DO8"/>
    <mergeCell ref="DP4:DP7"/>
    <mergeCell ref="DQ4:DQ7"/>
    <mergeCell ref="DR4:DR7"/>
    <mergeCell ref="DS4:DS8"/>
    <mergeCell ref="DT4:DT7"/>
    <mergeCell ref="DU4:DU7"/>
    <mergeCell ref="DV4:DV7"/>
    <mergeCell ref="DW4:DW8"/>
    <mergeCell ref="DX4:DX7"/>
    <mergeCell ref="DY4:DY7"/>
    <mergeCell ref="DZ4:DZ7"/>
    <mergeCell ref="EA4:EA8"/>
    <mergeCell ref="EB4:EB7"/>
    <mergeCell ref="EC4:EC7"/>
    <mergeCell ref="ED4:ED7"/>
    <mergeCell ref="EE4:EE8"/>
    <mergeCell ref="EF4:EF7"/>
    <mergeCell ref="EG4:EG7"/>
    <mergeCell ref="EH4:EH7"/>
    <mergeCell ref="EI4:EI8"/>
    <mergeCell ref="EJ4:EJ7"/>
    <mergeCell ref="EK4:EK7"/>
    <mergeCell ref="EL4:EL7"/>
    <mergeCell ref="EM4:EM8"/>
    <mergeCell ref="EN4:EN7"/>
    <mergeCell ref="EO4:EO7"/>
    <mergeCell ref="EP4:EP7"/>
    <mergeCell ref="EQ4:EQ8"/>
  </mergeCells>
  <phoneticPr fontId="1"/>
  <pageMargins left="0.7" right="0.7" top="0.75" bottom="0.75" header="0.3" footer="0.3"/>
  <pageSetup paperSize="8" scale="10" fitToHeight="0" orientation="landscape" r:id="rId1"/>
  <colBreaks count="1" manualBreakCount="1">
    <brk id="16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調査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米滿智志</dc:creator>
  <cp:lastModifiedBy>安達　薫広</cp:lastModifiedBy>
  <cp:lastPrinted>2025-12-26T08:05:32Z</cp:lastPrinted>
  <dcterms:created xsi:type="dcterms:W3CDTF">2025-12-24T05:57:24Z</dcterms:created>
  <dcterms:modified xsi:type="dcterms:W3CDTF">2026-01-14T04:51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BB684FB75E6E14894E6CAD2EBAC52D5</vt:lpwstr>
  </property>
  <property fmtid="{D5CDD505-2E9C-101B-9397-08002B2CF9AE}" pid="3" name="MediaServiceImageTags">
    <vt:lpwstr/>
  </property>
</Properties>
</file>